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平成17年大阪市町丁目別昼間人口（推計）\"/>
    </mc:Choice>
  </mc:AlternateContent>
  <bookViews>
    <workbookView xWindow="-345" yWindow="300" windowWidth="6555" windowHeight="9120" tabRatio="842"/>
  </bookViews>
  <sheets>
    <sheet name="目次" sheetId="2" r:id="rId1"/>
    <sheet name="大阪市全区" sheetId="27" r:id="rId2"/>
    <sheet name="北区" sheetId="28" r:id="rId3"/>
    <sheet name="都島区" sheetId="29" r:id="rId4"/>
    <sheet name="福島区" sheetId="30" r:id="rId5"/>
    <sheet name="此花区" sheetId="31" r:id="rId6"/>
    <sheet name="中央区" sheetId="32" r:id="rId7"/>
    <sheet name="西区" sheetId="33" r:id="rId8"/>
    <sheet name="港区" sheetId="34" r:id="rId9"/>
    <sheet name="大正区" sheetId="35" r:id="rId10"/>
    <sheet name="天王寺区" sheetId="36" r:id="rId11"/>
    <sheet name="浪速区" sheetId="37" r:id="rId12"/>
    <sheet name="西淀川区" sheetId="38" r:id="rId13"/>
    <sheet name="淀川区" sheetId="39" r:id="rId14"/>
    <sheet name="東淀川区" sheetId="40" r:id="rId15"/>
    <sheet name="東成区" sheetId="41" r:id="rId16"/>
    <sheet name="生野区" sheetId="42" r:id="rId17"/>
    <sheet name="旭区" sheetId="43" r:id="rId18"/>
    <sheet name="城東区" sheetId="44" r:id="rId19"/>
    <sheet name="鶴見区" sheetId="45" r:id="rId20"/>
    <sheet name="阿倍野区" sheetId="46" r:id="rId21"/>
    <sheet name="住之江区" sheetId="47" r:id="rId22"/>
    <sheet name="住吉区" sheetId="48" r:id="rId23"/>
    <sheet name="東住吉区" sheetId="49" r:id="rId24"/>
    <sheet name="平野区" sheetId="50" r:id="rId25"/>
    <sheet name="西成区" sheetId="51" r:id="rId26"/>
  </sheets>
  <definedNames>
    <definedName name="_xlnm.Print_Area" localSheetId="20">阿倍野区!$A$3:$P$79</definedName>
    <definedName name="_xlnm.Print_Area" localSheetId="17">旭区!$A$3:$P$56</definedName>
    <definedName name="_xlnm.Print_Area" localSheetId="8">港区!$A$3:$P$70</definedName>
    <definedName name="_xlnm.Print_Area" localSheetId="5">此花区!$A$3:$P$73</definedName>
    <definedName name="_xlnm.Print_Area" localSheetId="22">住吉区!$A$3:$P$114</definedName>
    <definedName name="_xlnm.Print_Area" localSheetId="21">住之江区!$A$3:$P$116</definedName>
    <definedName name="_xlnm.Print_Area" localSheetId="18">城東区!$A$3:$P$87</definedName>
    <definedName name="_xlnm.Print_Area" localSheetId="16">生野区!$A$3:$P$100</definedName>
    <definedName name="_xlnm.Print_Area" localSheetId="7">西区!$A$3:$P$70</definedName>
    <definedName name="_xlnm.Print_Area" localSheetId="25">西成区!$A$3:$P$94</definedName>
    <definedName name="_xlnm.Print_Area" localSheetId="12">西淀川区!$A$3:$P$76</definedName>
    <definedName name="_xlnm.Print_Area" localSheetId="1">大阪市全区!$A$3:$N$33</definedName>
    <definedName name="_xlnm.Print_Area" localSheetId="9">大正区!$A$3:$P$61</definedName>
    <definedName name="_xlnm.Print_Area" localSheetId="6">中央区!$A$3:$P$211</definedName>
    <definedName name="_xlnm.Print_Area" localSheetId="19">鶴見区!$A$3:$P$69</definedName>
    <definedName name="_xlnm.Print_Area" localSheetId="10">天王寺区!$A$3:$P$81</definedName>
    <definedName name="_xlnm.Print_Area" localSheetId="3">都島区!$A$3:$P$57</definedName>
    <definedName name="_xlnm.Print_Area" localSheetId="23">東住吉区!$A$3:$P$112</definedName>
    <definedName name="_xlnm.Print_Area" localSheetId="15">東成区!$A$3:$P$55</definedName>
    <definedName name="_xlnm.Print_Area" localSheetId="14">東淀川区!$A$3:$P$97</definedName>
    <definedName name="_xlnm.Print_Area" localSheetId="4">福島区!$A$3:$P$52</definedName>
    <definedName name="_xlnm.Print_Area" localSheetId="24">平野区!$A$3:$P$150</definedName>
    <definedName name="_xlnm.Print_Area" localSheetId="2">北区!$A$3:$P$135</definedName>
    <definedName name="_xlnm.Print_Area" localSheetId="0">目次!#REF!</definedName>
    <definedName name="_xlnm.Print_Area" localSheetId="13">淀川区!$A$3:$P$98</definedName>
    <definedName name="_xlnm.Print_Area" localSheetId="11">浪速区!$A$3:$P$72</definedName>
    <definedName name="_xlnm.Print_Titles" localSheetId="20">阿倍野区!$2:$7</definedName>
    <definedName name="_xlnm.Print_Titles" localSheetId="17">旭区!$2:$7</definedName>
    <definedName name="_xlnm.Print_Titles" localSheetId="8">港区!$2:$7</definedName>
    <definedName name="_xlnm.Print_Titles" localSheetId="22">住吉区!$2:$7</definedName>
    <definedName name="_xlnm.Print_Titles" localSheetId="21">住之江区!$2:$7</definedName>
    <definedName name="_xlnm.Print_Titles" localSheetId="18">城東区!$2:$7</definedName>
    <definedName name="_xlnm.Print_Titles" localSheetId="16">生野区!$2:$7</definedName>
    <definedName name="_xlnm.Print_Titles" localSheetId="7">西区!$2:$7</definedName>
    <definedName name="_xlnm.Print_Titles" localSheetId="25">西成区!$2:$7</definedName>
    <definedName name="_xlnm.Print_Titles" localSheetId="12">西淀川区!$2:$7</definedName>
    <definedName name="_xlnm.Print_Titles" localSheetId="6">中央区!$2:$7</definedName>
    <definedName name="_xlnm.Print_Titles" localSheetId="19">鶴見区!$2:$7</definedName>
    <definedName name="_xlnm.Print_Titles" localSheetId="10">天王寺区!$2:$7</definedName>
    <definedName name="_xlnm.Print_Titles" localSheetId="23">東住吉区!$2:$7</definedName>
    <definedName name="_xlnm.Print_Titles" localSheetId="15">東成区!$2:$7</definedName>
    <definedName name="_xlnm.Print_Titles" localSheetId="14">東淀川区!$2:$7</definedName>
    <definedName name="_xlnm.Print_Titles" localSheetId="24">平野区!$2:$7</definedName>
    <definedName name="_xlnm.Print_Titles" localSheetId="2">北区!$3:$7</definedName>
    <definedName name="_xlnm.Print_Titles" localSheetId="0">目次!#REF!</definedName>
    <definedName name="_xlnm.Print_Titles" localSheetId="13">淀川区!$2:$7</definedName>
    <definedName name="_xlnm.Print_Titles" localSheetId="11">浪速区!$2:$7</definedName>
  </definedNames>
  <calcPr calcId="92512"/>
</workbook>
</file>

<file path=xl/sharedStrings.xml><?xml version="1.0" encoding="utf-8"?>
<sst xmlns="http://schemas.openxmlformats.org/spreadsheetml/2006/main" count="3855" uniqueCount="768">
  <si>
    <t>　</t>
  </si>
  <si>
    <t>＜＜目次</t>
    <rPh sb="2" eb="4">
      <t>モクジ</t>
    </rPh>
    <phoneticPr fontId="4"/>
  </si>
  <si>
    <t>・北区</t>
    <rPh sb="1" eb="3">
      <t>キタク</t>
    </rPh>
    <phoneticPr fontId="9"/>
  </si>
  <si>
    <t>・天王寺区</t>
    <rPh sb="1" eb="5">
      <t>テンノウジク</t>
    </rPh>
    <phoneticPr fontId="9"/>
  </si>
  <si>
    <t>・城東区</t>
    <rPh sb="1" eb="4">
      <t>ジョウトウク</t>
    </rPh>
    <phoneticPr fontId="9"/>
  </si>
  <si>
    <t>・都島区</t>
    <rPh sb="1" eb="4">
      <t>ミヤコシマク</t>
    </rPh>
    <phoneticPr fontId="9"/>
  </si>
  <si>
    <t>・浪速区</t>
    <rPh sb="1" eb="4">
      <t>ナニワク</t>
    </rPh>
    <phoneticPr fontId="9"/>
  </si>
  <si>
    <t>・鶴見区</t>
    <rPh sb="1" eb="4">
      <t>ツルミク</t>
    </rPh>
    <phoneticPr fontId="9"/>
  </si>
  <si>
    <t>・福島区</t>
    <rPh sb="1" eb="4">
      <t>フクシマク</t>
    </rPh>
    <phoneticPr fontId="9"/>
  </si>
  <si>
    <t>・西淀川区</t>
    <rPh sb="1" eb="5">
      <t>ニシヨドガワク</t>
    </rPh>
    <phoneticPr fontId="9"/>
  </si>
  <si>
    <t>・阿倍野区</t>
    <rPh sb="1" eb="5">
      <t>アベノク</t>
    </rPh>
    <phoneticPr fontId="9"/>
  </si>
  <si>
    <t>・此花区</t>
    <rPh sb="1" eb="4">
      <t>コノハナク</t>
    </rPh>
    <phoneticPr fontId="9"/>
  </si>
  <si>
    <t>・淀川区</t>
    <rPh sb="1" eb="4">
      <t>ヨドガワク</t>
    </rPh>
    <phoneticPr fontId="9"/>
  </si>
  <si>
    <t>・住之江区</t>
    <rPh sb="1" eb="5">
      <t>スミノエク</t>
    </rPh>
    <phoneticPr fontId="9"/>
  </si>
  <si>
    <t>・中央区</t>
    <rPh sb="1" eb="4">
      <t>チュウオウク</t>
    </rPh>
    <phoneticPr fontId="9"/>
  </si>
  <si>
    <t>・東淀川区</t>
    <rPh sb="1" eb="5">
      <t>ヒガシヨドガワク</t>
    </rPh>
    <phoneticPr fontId="9"/>
  </si>
  <si>
    <t>・住吉区</t>
    <rPh sb="1" eb="4">
      <t>スミヨシク</t>
    </rPh>
    <phoneticPr fontId="9"/>
  </si>
  <si>
    <t>・西区</t>
    <rPh sb="1" eb="3">
      <t>ニシク</t>
    </rPh>
    <phoneticPr fontId="9"/>
  </si>
  <si>
    <t>・東成区</t>
    <rPh sb="1" eb="4">
      <t>ヒガシナリク</t>
    </rPh>
    <phoneticPr fontId="9"/>
  </si>
  <si>
    <t>・東住吉区</t>
    <rPh sb="1" eb="5">
      <t>ヒガシスミヨシク</t>
    </rPh>
    <phoneticPr fontId="9"/>
  </si>
  <si>
    <t>・港区</t>
    <rPh sb="1" eb="3">
      <t>ミナトク</t>
    </rPh>
    <phoneticPr fontId="9"/>
  </si>
  <si>
    <t>・生野区</t>
    <rPh sb="1" eb="4">
      <t>イクノク</t>
    </rPh>
    <phoneticPr fontId="9"/>
  </si>
  <si>
    <t>・平野区</t>
    <rPh sb="1" eb="4">
      <t>ヒラノク</t>
    </rPh>
    <phoneticPr fontId="9"/>
  </si>
  <si>
    <t>・大正区</t>
    <rPh sb="1" eb="4">
      <t>タイショウク</t>
    </rPh>
    <phoneticPr fontId="9"/>
  </si>
  <si>
    <t>・旭区</t>
    <rPh sb="1" eb="3">
      <t>アサヒク</t>
    </rPh>
    <phoneticPr fontId="9"/>
  </si>
  <si>
    <t>・西成区</t>
    <rPh sb="1" eb="4">
      <t>ニシナリク</t>
    </rPh>
    <phoneticPr fontId="9"/>
  </si>
  <si>
    <t>１丁目</t>
  </si>
  <si>
    <t>２丁目</t>
  </si>
  <si>
    <t>３丁目</t>
  </si>
  <si>
    <t>４丁目</t>
  </si>
  <si>
    <t>５丁目</t>
  </si>
  <si>
    <t>６丁目</t>
  </si>
  <si>
    <t>７丁目</t>
  </si>
  <si>
    <t>８丁目</t>
  </si>
  <si>
    <t>９丁目</t>
  </si>
  <si>
    <t>平成17年大阪市町丁目別昼間人口（推計）</t>
    <phoneticPr fontId="9"/>
  </si>
  <si>
    <t>第  １　表</t>
    <phoneticPr fontId="9"/>
  </si>
  <si>
    <t>大  阪  市  の  区  別  概  況</t>
  </si>
  <si>
    <t>区　　名</t>
    <rPh sb="0" eb="1">
      <t>ク</t>
    </rPh>
    <rPh sb="3" eb="4">
      <t>メイ</t>
    </rPh>
    <phoneticPr fontId="9"/>
  </si>
  <si>
    <t>世 帯 数</t>
    <rPh sb="0" eb="1">
      <t>ヨ</t>
    </rPh>
    <rPh sb="2" eb="3">
      <t>オビ</t>
    </rPh>
    <rPh sb="4" eb="5">
      <t>カズ</t>
    </rPh>
    <phoneticPr fontId="9"/>
  </si>
  <si>
    <t>人            口</t>
    <rPh sb="0" eb="1">
      <t>ヒト</t>
    </rPh>
    <rPh sb="13" eb="14">
      <t>クチ</t>
    </rPh>
    <phoneticPr fontId="9"/>
  </si>
  <si>
    <t>年齢（3区分）別人口</t>
    <rPh sb="0" eb="2">
      <t>ネンレイ</t>
    </rPh>
    <rPh sb="4" eb="6">
      <t>クブン</t>
    </rPh>
    <rPh sb="7" eb="8">
      <t>ベツ</t>
    </rPh>
    <rPh sb="8" eb="10">
      <t>ジンコウ</t>
    </rPh>
    <phoneticPr fontId="9"/>
  </si>
  <si>
    <t>昼  間  人  口  （推 計）</t>
    <rPh sb="0" eb="1">
      <t>ヒル</t>
    </rPh>
    <rPh sb="3" eb="4">
      <t>アイダ</t>
    </rPh>
    <rPh sb="6" eb="7">
      <t>ヒト</t>
    </rPh>
    <rPh sb="9" eb="10">
      <t>クチ</t>
    </rPh>
    <rPh sb="13" eb="14">
      <t>スイ</t>
    </rPh>
    <rPh sb="15" eb="16">
      <t>ケイ</t>
    </rPh>
    <phoneticPr fontId="9"/>
  </si>
  <si>
    <t>昼 夜 間 人口比率</t>
    <rPh sb="0" eb="1">
      <t>チュウ</t>
    </rPh>
    <rPh sb="2" eb="3">
      <t>ヨル</t>
    </rPh>
    <rPh sb="4" eb="5">
      <t>アイダ</t>
    </rPh>
    <rPh sb="6" eb="8">
      <t>ジンコウ</t>
    </rPh>
    <rPh sb="8" eb="10">
      <t>ヒリツ</t>
    </rPh>
    <phoneticPr fontId="9"/>
  </si>
  <si>
    <t>総  数</t>
    <rPh sb="0" eb="1">
      <t>フサ</t>
    </rPh>
    <rPh sb="3" eb="4">
      <t>カズ</t>
    </rPh>
    <phoneticPr fontId="9"/>
  </si>
  <si>
    <t>男</t>
    <rPh sb="0" eb="1">
      <t>オトコ</t>
    </rPh>
    <phoneticPr fontId="9"/>
  </si>
  <si>
    <t>女</t>
    <rPh sb="0" eb="1">
      <t>オンナ</t>
    </rPh>
    <phoneticPr fontId="9"/>
  </si>
  <si>
    <t>０～14歳</t>
    <rPh sb="4" eb="5">
      <t>サイ</t>
    </rPh>
    <phoneticPr fontId="9"/>
  </si>
  <si>
    <t>15～64歳</t>
    <rPh sb="5" eb="6">
      <t>サイ</t>
    </rPh>
    <phoneticPr fontId="9"/>
  </si>
  <si>
    <t>65歳以上</t>
    <rPh sb="2" eb="3">
      <t>サイ</t>
    </rPh>
    <rPh sb="3" eb="5">
      <t>イジョウ</t>
    </rPh>
    <phoneticPr fontId="9"/>
  </si>
  <si>
    <t xml:space="preserve"> </t>
    <phoneticPr fontId="9"/>
  </si>
  <si>
    <t>うち就業者</t>
    <rPh sb="2" eb="4">
      <t>シュウギョウ</t>
    </rPh>
    <rPh sb="4" eb="5">
      <t>モノ</t>
    </rPh>
    <phoneticPr fontId="9"/>
  </si>
  <si>
    <t>うち通学者</t>
    <rPh sb="2" eb="5">
      <t>ツウガクシャ</t>
    </rPh>
    <phoneticPr fontId="9"/>
  </si>
  <si>
    <t>総数</t>
    <phoneticPr fontId="9"/>
  </si>
  <si>
    <t>北</t>
  </si>
  <si>
    <t>都島</t>
  </si>
  <si>
    <t>福島</t>
  </si>
  <si>
    <t>此花</t>
  </si>
  <si>
    <t>中央</t>
  </si>
  <si>
    <t>西</t>
  </si>
  <si>
    <t>港</t>
  </si>
  <si>
    <t>大正</t>
  </si>
  <si>
    <t>天王寺</t>
  </si>
  <si>
    <t>浪速</t>
  </si>
  <si>
    <t>西淀川</t>
  </si>
  <si>
    <t>淀川</t>
  </si>
  <si>
    <t>東淀川</t>
  </si>
  <si>
    <t>東成</t>
  </si>
  <si>
    <t>生野</t>
  </si>
  <si>
    <t>旭</t>
  </si>
  <si>
    <t>城東</t>
  </si>
  <si>
    <t>鶴見</t>
  </si>
  <si>
    <t>阿部野</t>
  </si>
  <si>
    <t>住之江</t>
  </si>
  <si>
    <t>住吉</t>
  </si>
  <si>
    <t>東住吉</t>
  </si>
  <si>
    <t>平野</t>
  </si>
  <si>
    <t>西成</t>
  </si>
  <si>
    <t>第 ２ 表</t>
    <rPh sb="0" eb="1">
      <t>ダイ</t>
    </rPh>
    <rPh sb="4" eb="5">
      <t>ヒョウ</t>
    </rPh>
    <phoneticPr fontId="9"/>
  </si>
  <si>
    <t>大 阪 市 町 丁 目 別 概 況</t>
    <rPh sb="0" eb="1">
      <t>ダイ</t>
    </rPh>
    <rPh sb="2" eb="3">
      <t>サカ</t>
    </rPh>
    <rPh sb="4" eb="5">
      <t>シ</t>
    </rPh>
    <rPh sb="6" eb="7">
      <t>マチ</t>
    </rPh>
    <rPh sb="8" eb="9">
      <t>チョウ</t>
    </rPh>
    <rPh sb="10" eb="11">
      <t>モク</t>
    </rPh>
    <rPh sb="12" eb="13">
      <t>ベツ</t>
    </rPh>
    <rPh sb="14" eb="15">
      <t>オオムネ</t>
    </rPh>
    <rPh sb="16" eb="17">
      <t>イワン</t>
    </rPh>
    <phoneticPr fontId="9"/>
  </si>
  <si>
    <t>北   区</t>
    <rPh sb="0" eb="1">
      <t>キタ</t>
    </rPh>
    <rPh sb="4" eb="5">
      <t>ク</t>
    </rPh>
    <phoneticPr fontId="9"/>
  </si>
  <si>
    <t>町 丁 目 名</t>
    <phoneticPr fontId="9"/>
  </si>
  <si>
    <t>秘匿</t>
    <rPh sb="0" eb="2">
      <t>ヒトク</t>
    </rPh>
    <phoneticPr fontId="9"/>
  </si>
  <si>
    <t>世 帯 数</t>
    <rPh sb="0" eb="1">
      <t>ヨ</t>
    </rPh>
    <rPh sb="2" eb="3">
      <t>オビ</t>
    </rPh>
    <rPh sb="4" eb="5">
      <t>スウ</t>
    </rPh>
    <phoneticPr fontId="9"/>
  </si>
  <si>
    <t>年齢（３区分）別人口</t>
    <rPh sb="0" eb="2">
      <t>ネンレイ</t>
    </rPh>
    <rPh sb="4" eb="6">
      <t>クブン</t>
    </rPh>
    <rPh sb="7" eb="8">
      <t>ベツ</t>
    </rPh>
    <rPh sb="8" eb="10">
      <t>ジンコウ</t>
    </rPh>
    <phoneticPr fontId="9"/>
  </si>
  <si>
    <t>昼 夜 間 
人口比率</t>
    <rPh sb="0" eb="1">
      <t>ヒル</t>
    </rPh>
    <rPh sb="2" eb="3">
      <t>ヨル</t>
    </rPh>
    <rPh sb="4" eb="5">
      <t>アイダ</t>
    </rPh>
    <rPh sb="7" eb="9">
      <t>ジンコウ</t>
    </rPh>
    <rPh sb="9" eb="11">
      <t>ヒリツ</t>
    </rPh>
    <phoneticPr fontId="9"/>
  </si>
  <si>
    <t>区分</t>
    <rPh sb="0" eb="2">
      <t>クブン</t>
    </rPh>
    <phoneticPr fontId="9"/>
  </si>
  <si>
    <r>
      <t>総　　数　</t>
    </r>
    <r>
      <rPr>
        <sz val="7"/>
        <rFont val="ＭＳ 明朝"/>
        <family val="1"/>
        <charset val="128"/>
      </rPr>
      <t>（合算総数）</t>
    </r>
    <rPh sb="0" eb="1">
      <t>フサ</t>
    </rPh>
    <rPh sb="3" eb="4">
      <t>カズ</t>
    </rPh>
    <rPh sb="6" eb="7">
      <t>ア</t>
    </rPh>
    <rPh sb="7" eb="8">
      <t>サン</t>
    </rPh>
    <rPh sb="8" eb="10">
      <t>ソウスウ</t>
    </rPh>
    <phoneticPr fontId="9"/>
  </si>
  <si>
    <r>
      <t xml:space="preserve">０～14歳
</t>
    </r>
    <r>
      <rPr>
        <sz val="6"/>
        <rFont val="ＭＳ 明朝"/>
        <family val="1"/>
        <charset val="128"/>
      </rPr>
      <t>(合算数)</t>
    </r>
    <rPh sb="4" eb="5">
      <t>サイ</t>
    </rPh>
    <rPh sb="7" eb="9">
      <t>ガッサン</t>
    </rPh>
    <rPh sb="9" eb="10">
      <t>スウ</t>
    </rPh>
    <phoneticPr fontId="9"/>
  </si>
  <si>
    <r>
      <t xml:space="preserve">15～64歳
</t>
    </r>
    <r>
      <rPr>
        <sz val="6"/>
        <rFont val="ＭＳ 明朝"/>
        <family val="1"/>
        <charset val="128"/>
      </rPr>
      <t>(合算数)</t>
    </r>
    <rPh sb="5" eb="6">
      <t>サイ</t>
    </rPh>
    <phoneticPr fontId="9"/>
  </si>
  <si>
    <r>
      <t xml:space="preserve">65歳以上
</t>
    </r>
    <r>
      <rPr>
        <sz val="6"/>
        <rFont val="ＭＳ 明朝"/>
        <family val="1"/>
        <charset val="128"/>
      </rPr>
      <t>(合算数)</t>
    </r>
    <rPh sb="2" eb="3">
      <t>サイ</t>
    </rPh>
    <rPh sb="3" eb="5">
      <t>イジョウ</t>
    </rPh>
    <phoneticPr fontId="9"/>
  </si>
  <si>
    <t>うち就業者</t>
    <rPh sb="2" eb="5">
      <t>シュウギョウシャ</t>
    </rPh>
    <phoneticPr fontId="9"/>
  </si>
  <si>
    <t>総  数</t>
  </si>
  <si>
    <t>池田町</t>
  </si>
  <si>
    <t>浮田</t>
  </si>
  <si>
    <t>梅田</t>
  </si>
  <si>
    <t xml:space="preserve">- </t>
  </si>
  <si>
    <t>扇町</t>
  </si>
  <si>
    <t>大深町</t>
  </si>
  <si>
    <t>-</t>
    <phoneticPr fontId="9"/>
  </si>
  <si>
    <t>大淀北</t>
  </si>
  <si>
    <t>大淀中</t>
  </si>
  <si>
    <t>大淀南</t>
  </si>
  <si>
    <t>@1</t>
    <phoneticPr fontId="9"/>
  </si>
  <si>
    <t>角田町</t>
  </si>
  <si>
    <t>*1</t>
    <phoneticPr fontId="9"/>
  </si>
  <si>
    <t xml:space="preserve">X </t>
    <phoneticPr fontId="9"/>
  </si>
  <si>
    <t>神山町</t>
  </si>
  <si>
    <t>菅栄町</t>
  </si>
  <si>
    <t>黒崎町</t>
  </si>
  <si>
    <t>紅梅町</t>
  </si>
  <si>
    <t>国分寺</t>
  </si>
  <si>
    <t>小松原町</t>
  </si>
  <si>
    <t>芝田</t>
  </si>
  <si>
    <t>末広町</t>
  </si>
  <si>
    <t>菅原町</t>
  </si>
  <si>
    <t>曾根崎</t>
  </si>
  <si>
    <t>曾根崎新地</t>
  </si>
  <si>
    <t>太融寺町</t>
  </si>
  <si>
    <t>茶屋町</t>
  </si>
  <si>
    <t>鶴野町</t>
  </si>
  <si>
    <t>天神西町</t>
  </si>
  <si>
    <t>天神橋</t>
  </si>
  <si>
    <t xml:space="preserve"> </t>
  </si>
  <si>
    <t>天満</t>
  </si>
  <si>
    <t>天満橋</t>
  </si>
  <si>
    <t>兎我野町</t>
  </si>
  <si>
    <t>同心</t>
  </si>
  <si>
    <t>堂島</t>
  </si>
  <si>
    <t>@2</t>
    <phoneticPr fontId="9"/>
  </si>
  <si>
    <t>堂島浜</t>
  </si>
  <si>
    <t>＊2</t>
    <phoneticPr fontId="9"/>
  </si>
  <si>
    <t>堂山町</t>
  </si>
  <si>
    <t>豊崎</t>
  </si>
  <si>
    <t>中崎</t>
  </si>
  <si>
    <t>中崎西</t>
  </si>
  <si>
    <t>中津</t>
  </si>
  <si>
    <t>中津</t>
    <rPh sb="0" eb="2">
      <t>ナカツ</t>
    </rPh>
    <phoneticPr fontId="9"/>
  </si>
  <si>
    <t>中之島</t>
  </si>
  <si>
    <t>長柄中</t>
  </si>
  <si>
    <t>長柄西</t>
  </si>
  <si>
    <t>長柄東</t>
  </si>
  <si>
    <t>浪花町</t>
  </si>
  <si>
    <t>西天満</t>
  </si>
  <si>
    <t>錦町</t>
  </si>
  <si>
    <t>野崎町</t>
  </si>
  <si>
    <t>樋之口町</t>
  </si>
  <si>
    <t>東天満</t>
  </si>
  <si>
    <t>本庄西</t>
  </si>
  <si>
    <t>本庄東</t>
  </si>
  <si>
    <t>松ケ枝町</t>
  </si>
  <si>
    <t>万歳町</t>
  </si>
  <si>
    <t>南扇町</t>
  </si>
  <si>
    <t>南森町</t>
  </si>
  <si>
    <t>山崎町</t>
  </si>
  <si>
    <t>与力町</t>
  </si>
  <si>
    <t>大 阪 市 町 丁 目 別 概 況（続）</t>
    <rPh sb="0" eb="1">
      <t>ダイ</t>
    </rPh>
    <rPh sb="2" eb="3">
      <t>サカ</t>
    </rPh>
    <rPh sb="4" eb="5">
      <t>シ</t>
    </rPh>
    <rPh sb="6" eb="7">
      <t>マチ</t>
    </rPh>
    <rPh sb="8" eb="9">
      <t>チョウ</t>
    </rPh>
    <rPh sb="10" eb="11">
      <t>モク</t>
    </rPh>
    <rPh sb="12" eb="13">
      <t>ベツ</t>
    </rPh>
    <rPh sb="14" eb="15">
      <t>オオムネ</t>
    </rPh>
    <rPh sb="16" eb="17">
      <t>イワン</t>
    </rPh>
    <rPh sb="18" eb="19">
      <t>ツヅ</t>
    </rPh>
    <phoneticPr fontId="9"/>
  </si>
  <si>
    <t>都 島 区</t>
    <rPh sb="0" eb="1">
      <t>ミヤコ</t>
    </rPh>
    <rPh sb="2" eb="3">
      <t>シマ</t>
    </rPh>
    <rPh sb="4" eb="5">
      <t>ク</t>
    </rPh>
    <phoneticPr fontId="9"/>
  </si>
  <si>
    <t>昼 夜 間 　人口比率</t>
    <rPh sb="0" eb="1">
      <t>ヒル</t>
    </rPh>
    <rPh sb="2" eb="3">
      <t>ヨル</t>
    </rPh>
    <rPh sb="4" eb="5">
      <t>アイダ</t>
    </rPh>
    <rPh sb="7" eb="9">
      <t>ジンコウ</t>
    </rPh>
    <rPh sb="9" eb="11">
      <t>ヒリツ</t>
    </rPh>
    <phoneticPr fontId="9"/>
  </si>
  <si>
    <t>片町</t>
  </si>
  <si>
    <t>網島町</t>
  </si>
  <si>
    <t>東野田町</t>
  </si>
  <si>
    <t>中野町</t>
  </si>
  <si>
    <t>都島南通</t>
  </si>
  <si>
    <t>都島中通</t>
  </si>
  <si>
    <t>都島本通</t>
  </si>
  <si>
    <t>都島北通</t>
  </si>
  <si>
    <t>善源寺町</t>
  </si>
  <si>
    <t>高倉町</t>
  </si>
  <si>
    <t>御幸町</t>
  </si>
  <si>
    <t>内代町</t>
  </si>
  <si>
    <t>友渕町</t>
  </si>
  <si>
    <t>大東町</t>
  </si>
  <si>
    <t>毛馬町</t>
  </si>
  <si>
    <t>福 島 区</t>
    <rPh sb="0" eb="1">
      <t>フク</t>
    </rPh>
    <rPh sb="2" eb="3">
      <t>シマ</t>
    </rPh>
    <rPh sb="4" eb="5">
      <t>ク</t>
    </rPh>
    <phoneticPr fontId="9"/>
  </si>
  <si>
    <t>玉川</t>
  </si>
  <si>
    <t>野田</t>
  </si>
  <si>
    <t>吉野</t>
  </si>
  <si>
    <t>大開</t>
  </si>
  <si>
    <t>鷺洲</t>
  </si>
  <si>
    <t>海老江</t>
  </si>
  <si>
    <t>此 花 区</t>
    <rPh sb="0" eb="1">
      <t>ココ</t>
    </rPh>
    <rPh sb="2" eb="3">
      <t>ハナ</t>
    </rPh>
    <rPh sb="4" eb="5">
      <t>ク</t>
    </rPh>
    <phoneticPr fontId="9"/>
  </si>
  <si>
    <t>総  数</t>
    <phoneticPr fontId="9"/>
  </si>
  <si>
    <t>西九条</t>
  </si>
  <si>
    <t>朝日</t>
  </si>
  <si>
    <t>四貫島</t>
  </si>
  <si>
    <t>梅香</t>
  </si>
  <si>
    <t>春日出北</t>
  </si>
  <si>
    <t>春日出中</t>
  </si>
  <si>
    <t>＠1</t>
    <phoneticPr fontId="9"/>
  </si>
  <si>
    <t>＊1</t>
    <phoneticPr fontId="9"/>
  </si>
  <si>
    <t>春日出南</t>
  </si>
  <si>
    <t xml:space="preserve">- </t>
    <phoneticPr fontId="9"/>
  </si>
  <si>
    <t>伝法</t>
  </si>
  <si>
    <t>高見</t>
  </si>
  <si>
    <t>酉島</t>
    <rPh sb="0" eb="2">
      <t>トリシマ</t>
    </rPh>
    <phoneticPr fontId="12"/>
  </si>
  <si>
    <t>島屋</t>
    <rPh sb="0" eb="2">
      <t>シマヤ</t>
    </rPh>
    <phoneticPr fontId="12"/>
  </si>
  <si>
    <t>常吉</t>
  </si>
  <si>
    <t>北港</t>
  </si>
  <si>
    <t>梅町</t>
  </si>
  <si>
    <t>桜島</t>
  </si>
  <si>
    <t>＠2</t>
    <phoneticPr fontId="9"/>
  </si>
  <si>
    <t>北港白津</t>
  </si>
  <si>
    <t>北港緑地</t>
  </si>
  <si>
    <t>夢洲東</t>
    <rPh sb="0" eb="1">
      <t>ユメ</t>
    </rPh>
    <rPh sb="1" eb="2">
      <t>シマ</t>
    </rPh>
    <rPh sb="2" eb="3">
      <t>ヒガシ</t>
    </rPh>
    <phoneticPr fontId="12"/>
  </si>
  <si>
    <t>夢洲</t>
    <rPh sb="0" eb="1">
      <t>ユメ</t>
    </rPh>
    <rPh sb="1" eb="2">
      <t>シマ</t>
    </rPh>
    <phoneticPr fontId="12"/>
  </si>
  <si>
    <t>水面</t>
    <rPh sb="0" eb="2">
      <t>スイメン</t>
    </rPh>
    <phoneticPr fontId="9"/>
  </si>
  <si>
    <t>中 央 区</t>
    <rPh sb="0" eb="1">
      <t>ナカ</t>
    </rPh>
    <rPh sb="2" eb="3">
      <t>ヒサシ</t>
    </rPh>
    <rPh sb="4" eb="5">
      <t>ク</t>
    </rPh>
    <phoneticPr fontId="9"/>
  </si>
  <si>
    <t>安堂寺町</t>
  </si>
  <si>
    <t>上本町西</t>
  </si>
  <si>
    <t>東平</t>
  </si>
  <si>
    <t>上汐</t>
  </si>
  <si>
    <t>中寺</t>
  </si>
  <si>
    <t>松屋町</t>
  </si>
  <si>
    <t>瓦屋町</t>
  </si>
  <si>
    <t>高津</t>
  </si>
  <si>
    <t>南船場</t>
  </si>
  <si>
    <t>島之内</t>
  </si>
  <si>
    <t>道頓堀</t>
  </si>
  <si>
    <t xml:space="preserve">         -</t>
  </si>
  <si>
    <t>千日前</t>
  </si>
  <si>
    <t>難波千日前</t>
  </si>
  <si>
    <t>難波</t>
  </si>
  <si>
    <t>日本橋</t>
  </si>
  <si>
    <t>東心斎橋</t>
  </si>
  <si>
    <t>心斎橋筋</t>
  </si>
  <si>
    <t>西心斎橋</t>
  </si>
  <si>
    <t>宗右衛門町</t>
  </si>
  <si>
    <t>北浜</t>
  </si>
  <si>
    <t xml:space="preserve">      X </t>
    <phoneticPr fontId="9"/>
  </si>
  <si>
    <t>今橋</t>
  </si>
  <si>
    <t>＠3</t>
    <phoneticPr fontId="9"/>
  </si>
  <si>
    <t>＊3</t>
    <phoneticPr fontId="9"/>
  </si>
  <si>
    <t>高麗橋</t>
  </si>
  <si>
    <t>＊4</t>
    <phoneticPr fontId="9"/>
  </si>
  <si>
    <t>＠4</t>
    <phoneticPr fontId="9"/>
  </si>
  <si>
    <t>伏見町</t>
  </si>
  <si>
    <t>＠5</t>
    <phoneticPr fontId="9"/>
  </si>
  <si>
    <t>＊5</t>
    <phoneticPr fontId="9"/>
  </si>
  <si>
    <t>道修町</t>
  </si>
  <si>
    <t>＠6</t>
    <phoneticPr fontId="9"/>
  </si>
  <si>
    <t>＊6</t>
    <phoneticPr fontId="9"/>
  </si>
  <si>
    <t>平野町</t>
  </si>
  <si>
    <t>淡路町</t>
  </si>
  <si>
    <t>＠7</t>
    <phoneticPr fontId="9"/>
  </si>
  <si>
    <t>＊7</t>
    <phoneticPr fontId="9"/>
  </si>
  <si>
    <t xml:space="preserve">      X </t>
  </si>
  <si>
    <t>瓦町</t>
  </si>
  <si>
    <t>＠8</t>
    <phoneticPr fontId="9"/>
  </si>
  <si>
    <t>＊8</t>
    <phoneticPr fontId="9"/>
  </si>
  <si>
    <t>備後町</t>
  </si>
  <si>
    <t>＠9</t>
    <phoneticPr fontId="9"/>
  </si>
  <si>
    <t>＊9</t>
    <phoneticPr fontId="9"/>
  </si>
  <si>
    <t>安土町</t>
  </si>
  <si>
    <t>＠10</t>
    <phoneticPr fontId="9"/>
  </si>
  <si>
    <t>＊10</t>
    <phoneticPr fontId="9"/>
  </si>
  <si>
    <t>本町</t>
  </si>
  <si>
    <t>＠11</t>
    <phoneticPr fontId="9"/>
  </si>
  <si>
    <t>＊11</t>
    <phoneticPr fontId="9"/>
  </si>
  <si>
    <t>南本町</t>
  </si>
  <si>
    <t>＠12</t>
    <phoneticPr fontId="9"/>
  </si>
  <si>
    <t>＊12</t>
    <phoneticPr fontId="9"/>
  </si>
  <si>
    <t>船場中央</t>
  </si>
  <si>
    <t>久太郎町</t>
  </si>
  <si>
    <t>＠13</t>
    <phoneticPr fontId="9"/>
  </si>
  <si>
    <t>＊13</t>
    <phoneticPr fontId="9"/>
  </si>
  <si>
    <t>北久宝寺町</t>
  </si>
  <si>
    <t>南久宝寺町</t>
  </si>
  <si>
    <t>博労町</t>
  </si>
  <si>
    <t>天満橋京町</t>
  </si>
  <si>
    <t>北浜東</t>
  </si>
  <si>
    <t>石町</t>
  </si>
  <si>
    <t>島町</t>
  </si>
  <si>
    <t>釣鐘町</t>
  </si>
  <si>
    <t>船越町</t>
  </si>
  <si>
    <t>東高麗橋</t>
  </si>
  <si>
    <t>内平野町</t>
  </si>
  <si>
    <t>＠14</t>
    <phoneticPr fontId="9"/>
  </si>
  <si>
    <t>＊14</t>
    <phoneticPr fontId="9"/>
  </si>
  <si>
    <t>内淡路町</t>
  </si>
  <si>
    <t>大手通</t>
  </si>
  <si>
    <t>糸屋町</t>
  </si>
  <si>
    <t>北新町</t>
  </si>
  <si>
    <t>南新町</t>
  </si>
  <si>
    <t>徳井町</t>
  </si>
  <si>
    <t>内本町</t>
  </si>
  <si>
    <t>鎗屋町</t>
  </si>
  <si>
    <t>常盤町</t>
  </si>
  <si>
    <t>本町橋</t>
  </si>
  <si>
    <t>谷町</t>
  </si>
  <si>
    <t>大手前</t>
  </si>
  <si>
    <t>農人橋</t>
  </si>
  <si>
    <t>和泉町</t>
  </si>
  <si>
    <t>内久宝寺町</t>
  </si>
  <si>
    <t>材木町</t>
  </si>
  <si>
    <t>上町</t>
  </si>
  <si>
    <t>龍造寺町</t>
  </si>
  <si>
    <t>十二軒町</t>
  </si>
  <si>
    <t>粉川町</t>
  </si>
  <si>
    <t>神崎町</t>
  </si>
  <si>
    <t>松屋町住吉</t>
  </si>
  <si>
    <t>@15</t>
    <phoneticPr fontId="9"/>
  </si>
  <si>
    <t>城見</t>
  </si>
  <si>
    <t>*15</t>
    <phoneticPr fontId="9"/>
  </si>
  <si>
    <t>大阪城</t>
  </si>
  <si>
    <t>馬場町</t>
  </si>
  <si>
    <t>法円坂</t>
  </si>
  <si>
    <t>上町</t>
    <phoneticPr fontId="9"/>
  </si>
  <si>
    <t>１丁目</t>
    <phoneticPr fontId="9"/>
  </si>
  <si>
    <t>森ノ宮中央</t>
  </si>
  <si>
    <t>玉造</t>
  </si>
  <si>
    <t>西 　 区</t>
    <rPh sb="0" eb="1">
      <t>ニシ</t>
    </rPh>
    <rPh sb="4" eb="5">
      <t>ク</t>
    </rPh>
    <phoneticPr fontId="9"/>
  </si>
  <si>
    <t>昼 夜 間　 人口比率</t>
    <rPh sb="0" eb="1">
      <t>ヒル</t>
    </rPh>
    <rPh sb="2" eb="3">
      <t>ヨル</t>
    </rPh>
    <rPh sb="4" eb="5">
      <t>アイダ</t>
    </rPh>
    <rPh sb="7" eb="9">
      <t>ジンコウ</t>
    </rPh>
    <rPh sb="9" eb="11">
      <t>ヒリツ</t>
    </rPh>
    <phoneticPr fontId="9"/>
  </si>
  <si>
    <t>土佐堀</t>
  </si>
  <si>
    <t>江戸堀</t>
  </si>
  <si>
    <t>京町堀</t>
  </si>
  <si>
    <t>靭本町</t>
  </si>
  <si>
    <t>西本町</t>
  </si>
  <si>
    <t>江之子島</t>
  </si>
  <si>
    <t>阿波座</t>
  </si>
  <si>
    <t>立売堀</t>
  </si>
  <si>
    <t>新町</t>
  </si>
  <si>
    <t>北堀江</t>
  </si>
  <si>
    <t>南堀江</t>
  </si>
  <si>
    <t>千代崎</t>
  </si>
  <si>
    <t>川口</t>
  </si>
  <si>
    <t>本田</t>
  </si>
  <si>
    <t>九条</t>
  </si>
  <si>
    <t>九条南</t>
  </si>
  <si>
    <t>安治川</t>
  </si>
  <si>
    <t>境川</t>
  </si>
  <si>
    <t>港 　 区</t>
    <rPh sb="0" eb="1">
      <t>ミナト</t>
    </rPh>
    <rPh sb="4" eb="5">
      <t>ク</t>
    </rPh>
    <phoneticPr fontId="9"/>
  </si>
  <si>
    <t>波除</t>
  </si>
  <si>
    <t>市岡元町</t>
  </si>
  <si>
    <t>弁天</t>
  </si>
  <si>
    <t>磯路</t>
  </si>
  <si>
    <t>南市岡</t>
  </si>
  <si>
    <t>市岡</t>
  </si>
  <si>
    <t>田中</t>
  </si>
  <si>
    <t>夕凪</t>
  </si>
  <si>
    <t>石田</t>
  </si>
  <si>
    <t>三先</t>
  </si>
  <si>
    <t>福崎</t>
  </si>
  <si>
    <t>池島</t>
  </si>
  <si>
    <t>八幡屋</t>
  </si>
  <si>
    <t>港晴</t>
  </si>
  <si>
    <t>築港</t>
  </si>
  <si>
    <t>海岸通</t>
  </si>
  <si>
    <t>@</t>
    <phoneticPr fontId="9"/>
  </si>
  <si>
    <t>*</t>
    <phoneticPr fontId="9"/>
  </si>
  <si>
    <t>大  正  区</t>
    <rPh sb="0" eb="1">
      <t>ダイ</t>
    </rPh>
    <rPh sb="3" eb="4">
      <t>セイ</t>
    </rPh>
    <rPh sb="6" eb="7">
      <t>ク</t>
    </rPh>
    <phoneticPr fontId="9"/>
  </si>
  <si>
    <t>三軒家東</t>
  </si>
  <si>
    <t>三軒家西</t>
  </si>
  <si>
    <t>泉尾</t>
  </si>
  <si>
    <t>千島</t>
  </si>
  <si>
    <t>北村</t>
  </si>
  <si>
    <t>北恩加島</t>
  </si>
  <si>
    <t>小林東</t>
  </si>
  <si>
    <t>小林西</t>
  </si>
  <si>
    <t>平尾</t>
  </si>
  <si>
    <t>南恩加島</t>
  </si>
  <si>
    <t>鶴町</t>
  </si>
  <si>
    <t>＠</t>
  </si>
  <si>
    <t>＊</t>
  </si>
  <si>
    <t>船町</t>
  </si>
  <si>
    <t>天王寺区</t>
    <rPh sb="0" eb="3">
      <t>テンノウジ</t>
    </rPh>
    <rPh sb="3" eb="4">
      <t>ク</t>
    </rPh>
    <phoneticPr fontId="9"/>
  </si>
  <si>
    <t>上本町</t>
  </si>
  <si>
    <t>生玉町</t>
  </si>
  <si>
    <t>生玉前町</t>
    <phoneticPr fontId="9"/>
  </si>
  <si>
    <t>生玉寺町</t>
    <phoneticPr fontId="9"/>
  </si>
  <si>
    <t>六万体町</t>
  </si>
  <si>
    <t>夕陽丘町</t>
  </si>
  <si>
    <t>伶人町</t>
  </si>
  <si>
    <t>四天王寺</t>
  </si>
  <si>
    <t>下寺町</t>
  </si>
  <si>
    <t>逢阪</t>
  </si>
  <si>
    <t>茶臼山町</t>
  </si>
  <si>
    <t>堀越町</t>
  </si>
  <si>
    <t>悲田院町</t>
  </si>
  <si>
    <t>北河堀町</t>
  </si>
  <si>
    <t>南河堀町</t>
  </si>
  <si>
    <t>大道</t>
  </si>
  <si>
    <t>大道</t>
    <rPh sb="0" eb="2">
      <t>ダイドウ</t>
    </rPh>
    <phoneticPr fontId="9"/>
  </si>
  <si>
    <t>勝山</t>
  </si>
  <si>
    <t>国分町</t>
  </si>
  <si>
    <t>寺田町</t>
  </si>
  <si>
    <t>石ケ辻町</t>
  </si>
  <si>
    <t>上之宮町</t>
  </si>
  <si>
    <t>北山町</t>
  </si>
  <si>
    <t>松ケ鼻町</t>
  </si>
  <si>
    <t>小宮町</t>
  </si>
  <si>
    <t>真法院町</t>
  </si>
  <si>
    <t>烏ケ辻</t>
  </si>
  <si>
    <t>筆ケ崎町</t>
  </si>
  <si>
    <t>東上町</t>
  </si>
  <si>
    <t>堂ヶ芝</t>
  </si>
  <si>
    <t>細工谷</t>
  </si>
  <si>
    <t>清水谷町</t>
  </si>
  <si>
    <t>空清町</t>
  </si>
  <si>
    <t>城南寺町</t>
  </si>
  <si>
    <t>東高津町</t>
  </si>
  <si>
    <t>空堀町</t>
  </si>
  <si>
    <t>餌差町</t>
  </si>
  <si>
    <t>味原本町</t>
  </si>
  <si>
    <t>小橋町</t>
  </si>
  <si>
    <t>玉造本町</t>
  </si>
  <si>
    <t>真田山町</t>
  </si>
  <si>
    <t>味原町</t>
  </si>
  <si>
    <t>玉造元町</t>
  </si>
  <si>
    <t>舟橋町</t>
  </si>
  <si>
    <t>下味原町</t>
  </si>
  <si>
    <t>浪 速 区</t>
    <rPh sb="0" eb="1">
      <t>ナミ</t>
    </rPh>
    <rPh sb="2" eb="3">
      <t>ソク</t>
    </rPh>
    <rPh sb="4" eb="5">
      <t>ク</t>
    </rPh>
    <phoneticPr fontId="9"/>
  </si>
  <si>
    <t>下寺</t>
  </si>
  <si>
    <t>日本橋東</t>
  </si>
  <si>
    <t>日本橋西</t>
  </si>
  <si>
    <t>恵美須東</t>
  </si>
  <si>
    <t>恵美須西</t>
  </si>
  <si>
    <t>難波中</t>
  </si>
  <si>
    <t>元町</t>
  </si>
  <si>
    <t>湊町</t>
  </si>
  <si>
    <t>敷津東</t>
  </si>
  <si>
    <t>敷津西</t>
  </si>
  <si>
    <t>戎本町</t>
  </si>
  <si>
    <t>大国</t>
  </si>
  <si>
    <t>浪速東</t>
  </si>
  <si>
    <t>浪速西</t>
  </si>
  <si>
    <t>芦原</t>
  </si>
  <si>
    <t>久保吉</t>
  </si>
  <si>
    <t>立葉</t>
  </si>
  <si>
    <t>木津川</t>
  </si>
  <si>
    <t>幸町</t>
  </si>
  <si>
    <t>桜川</t>
  </si>
  <si>
    <t>塩草</t>
    <phoneticPr fontId="9"/>
  </si>
  <si>
    <t>稲荷</t>
  </si>
  <si>
    <t>西淀川区</t>
    <rPh sb="0" eb="3">
      <t>ニシヨドガワ</t>
    </rPh>
    <rPh sb="3" eb="4">
      <t>ク</t>
    </rPh>
    <phoneticPr fontId="9"/>
  </si>
  <si>
    <t>柏里</t>
  </si>
  <si>
    <t>花川</t>
  </si>
  <si>
    <t>野里</t>
  </si>
  <si>
    <t>歌島</t>
  </si>
  <si>
    <t>竹島</t>
  </si>
  <si>
    <t>*１</t>
    <phoneticPr fontId="9"/>
  </si>
  <si>
    <t>@１</t>
    <phoneticPr fontId="9"/>
  </si>
  <si>
    <t>千舟</t>
  </si>
  <si>
    <t>御幣島</t>
  </si>
  <si>
    <t>佃</t>
  </si>
  <si>
    <t>佃</t>
    <rPh sb="0" eb="1">
      <t>ツクダ</t>
    </rPh>
    <phoneticPr fontId="9"/>
  </si>
  <si>
    <t>大和田</t>
  </si>
  <si>
    <t>姫里</t>
  </si>
  <si>
    <t>姫島</t>
  </si>
  <si>
    <t>福町</t>
  </si>
  <si>
    <t>百島</t>
  </si>
  <si>
    <t>大野</t>
  </si>
  <si>
    <t>出来島</t>
  </si>
  <si>
    <t>中島</t>
  </si>
  <si>
    <t>@２</t>
    <phoneticPr fontId="9"/>
  </si>
  <si>
    <t>西島</t>
  </si>
  <si>
    <t>*２</t>
    <phoneticPr fontId="9"/>
  </si>
  <si>
    <t>-</t>
  </si>
  <si>
    <t>淀 川 区</t>
    <rPh sb="0" eb="1">
      <t>ヨド</t>
    </rPh>
    <rPh sb="2" eb="3">
      <t>カワ</t>
    </rPh>
    <rPh sb="4" eb="5">
      <t>ク</t>
    </rPh>
    <phoneticPr fontId="9"/>
  </si>
  <si>
    <t>十三東</t>
  </si>
  <si>
    <t>新北野</t>
  </si>
  <si>
    <t>十三本町</t>
  </si>
  <si>
    <t>十三元今里</t>
  </si>
  <si>
    <t>塚本</t>
  </si>
  <si>
    <t>田川</t>
  </si>
  <si>
    <t>田川北</t>
  </si>
  <si>
    <t>加島</t>
  </si>
  <si>
    <t>三津屋南</t>
  </si>
  <si>
    <t>三津屋中</t>
  </si>
  <si>
    <t>三津屋北</t>
  </si>
  <si>
    <t>野中南</t>
  </si>
  <si>
    <t>野中北</t>
  </si>
  <si>
    <t>新高</t>
  </si>
  <si>
    <t>三国本町</t>
  </si>
  <si>
    <t>西三国</t>
  </si>
  <si>
    <t>十八条</t>
  </si>
  <si>
    <t>東三国</t>
  </si>
  <si>
    <t>宮原</t>
  </si>
  <si>
    <t xml:space="preserve"> -</t>
    <phoneticPr fontId="9"/>
  </si>
  <si>
    <t>西宮原</t>
  </si>
  <si>
    <t>西中島</t>
  </si>
  <si>
    <t>木川東</t>
  </si>
  <si>
    <t>木川西</t>
  </si>
  <si>
    <t>東淀川区</t>
    <rPh sb="0" eb="2">
      <t>ヒガシヨド</t>
    </rPh>
    <rPh sb="2" eb="3">
      <t>カワ</t>
    </rPh>
    <rPh sb="3" eb="4">
      <t>ク</t>
    </rPh>
    <phoneticPr fontId="9"/>
  </si>
  <si>
    <t>人              口</t>
    <rPh sb="0" eb="1">
      <t>ヒト</t>
    </rPh>
    <rPh sb="15" eb="16">
      <t>クチ</t>
    </rPh>
    <phoneticPr fontId="9"/>
  </si>
  <si>
    <t>年 齢（3区分）別 人 口</t>
    <rPh sb="0" eb="1">
      <t>トシ</t>
    </rPh>
    <rPh sb="2" eb="3">
      <t>ヨワイ</t>
    </rPh>
    <rPh sb="5" eb="7">
      <t>クブン</t>
    </rPh>
    <rPh sb="8" eb="9">
      <t>ベツ</t>
    </rPh>
    <rPh sb="10" eb="11">
      <t>ヒト</t>
    </rPh>
    <rPh sb="12" eb="13">
      <t>クチ</t>
    </rPh>
    <phoneticPr fontId="9"/>
  </si>
  <si>
    <t>昼  間  人  口 （ 推  計 ）</t>
    <rPh sb="0" eb="1">
      <t>ヒル</t>
    </rPh>
    <rPh sb="3" eb="4">
      <t>アイダ</t>
    </rPh>
    <rPh sb="6" eb="7">
      <t>ヒト</t>
    </rPh>
    <rPh sb="9" eb="10">
      <t>クチ</t>
    </rPh>
    <rPh sb="13" eb="14">
      <t>スイ</t>
    </rPh>
    <rPh sb="16" eb="17">
      <t>ケイ</t>
    </rPh>
    <phoneticPr fontId="9"/>
  </si>
  <si>
    <t>昼 夜 間</t>
    <rPh sb="0" eb="1">
      <t>ヒル</t>
    </rPh>
    <rPh sb="2" eb="3">
      <t>ヨル</t>
    </rPh>
    <rPh sb="4" eb="5">
      <t>カン</t>
    </rPh>
    <phoneticPr fontId="9"/>
  </si>
  <si>
    <r>
      <t>総    数　</t>
    </r>
    <r>
      <rPr>
        <sz val="7"/>
        <rFont val="ＭＳ 明朝"/>
        <family val="1"/>
        <charset val="128"/>
      </rPr>
      <t>（合算総数）</t>
    </r>
    <rPh sb="0" eb="1">
      <t>フサ</t>
    </rPh>
    <rPh sb="5" eb="6">
      <t>カズ</t>
    </rPh>
    <rPh sb="8" eb="9">
      <t>ア</t>
    </rPh>
    <rPh sb="9" eb="10">
      <t>サン</t>
    </rPh>
    <rPh sb="10" eb="12">
      <t>ソウスウ</t>
    </rPh>
    <phoneticPr fontId="9"/>
  </si>
  <si>
    <t>人口比率</t>
    <rPh sb="0" eb="2">
      <t>ジンコウ</t>
    </rPh>
    <rPh sb="2" eb="4">
      <t>ヒリツ</t>
    </rPh>
    <phoneticPr fontId="9"/>
  </si>
  <si>
    <t>井高野</t>
  </si>
  <si>
    <t>北江口</t>
  </si>
  <si>
    <t>南江口</t>
  </si>
  <si>
    <t>相川</t>
  </si>
  <si>
    <t>小松</t>
  </si>
  <si>
    <t>瑞光</t>
  </si>
  <si>
    <t>大隅</t>
  </si>
  <si>
    <t>大桐</t>
  </si>
  <si>
    <t>大道南</t>
  </si>
  <si>
    <t>豊里</t>
  </si>
  <si>
    <t>豊新</t>
  </si>
  <si>
    <t>豊新</t>
    <rPh sb="0" eb="2">
      <t>ホウシン</t>
    </rPh>
    <phoneticPr fontId="9"/>
  </si>
  <si>
    <t>上新庄</t>
  </si>
  <si>
    <t>下新庄</t>
  </si>
  <si>
    <t>菅原</t>
  </si>
  <si>
    <t>東淡路</t>
  </si>
  <si>
    <t>淡路</t>
  </si>
  <si>
    <t>西淡路</t>
  </si>
  <si>
    <t>東中島</t>
  </si>
  <si>
    <t>柴島</t>
  </si>
  <si>
    <t>東　成　区</t>
    <rPh sb="0" eb="1">
      <t>ヒガシ</t>
    </rPh>
    <rPh sb="2" eb="3">
      <t>シゲル</t>
    </rPh>
    <rPh sb="4" eb="5">
      <t>ク</t>
    </rPh>
    <phoneticPr fontId="9"/>
  </si>
  <si>
    <t>中道</t>
  </si>
  <si>
    <t>東小橋</t>
  </si>
  <si>
    <t>玉津</t>
  </si>
  <si>
    <t>中本</t>
  </si>
  <si>
    <t>大今里西</t>
  </si>
  <si>
    <t>東中本</t>
  </si>
  <si>
    <t>東今里</t>
  </si>
  <si>
    <t>大今里</t>
  </si>
  <si>
    <t>大今里南</t>
  </si>
  <si>
    <t>神路</t>
  </si>
  <si>
    <t>深江北</t>
  </si>
  <si>
    <t>深江南</t>
  </si>
  <si>
    <t>生　野　区</t>
    <rPh sb="0" eb="1">
      <t>ショウ</t>
    </rPh>
    <rPh sb="2" eb="3">
      <t>ノ</t>
    </rPh>
    <rPh sb="4" eb="5">
      <t>ク</t>
    </rPh>
    <phoneticPr fontId="9"/>
  </si>
  <si>
    <t>鶴橋</t>
  </si>
  <si>
    <t>桃谷</t>
  </si>
  <si>
    <t>勝山北</t>
  </si>
  <si>
    <t>勝山南</t>
  </si>
  <si>
    <t>生野西</t>
  </si>
  <si>
    <t>生野東</t>
  </si>
  <si>
    <t>舎利寺</t>
  </si>
  <si>
    <t>林寺</t>
  </si>
  <si>
    <t>田島</t>
  </si>
  <si>
    <t>中川</t>
  </si>
  <si>
    <t>中川</t>
    <rPh sb="0" eb="2">
      <t>ナカガワ</t>
    </rPh>
    <phoneticPr fontId="9"/>
  </si>
  <si>
    <t>中川西</t>
  </si>
  <si>
    <t>中川東</t>
  </si>
  <si>
    <t>新今里</t>
  </si>
  <si>
    <t>小路</t>
  </si>
  <si>
    <t>小路東</t>
  </si>
  <si>
    <t>巽中</t>
  </si>
  <si>
    <t>巽西</t>
  </si>
  <si>
    <t>巽東</t>
  </si>
  <si>
    <t>巽南</t>
  </si>
  <si>
    <t>巽北</t>
  </si>
  <si>
    <t>旭　　区</t>
    <rPh sb="0" eb="1">
      <t>アサヒ</t>
    </rPh>
    <rPh sb="3" eb="4">
      <t>ク</t>
    </rPh>
    <phoneticPr fontId="9"/>
  </si>
  <si>
    <t>大宮</t>
  </si>
  <si>
    <t>中宮</t>
  </si>
  <si>
    <t>生江</t>
  </si>
  <si>
    <t>赤川</t>
  </si>
  <si>
    <t>太子橋</t>
  </si>
  <si>
    <t>今市</t>
  </si>
  <si>
    <t>千林</t>
  </si>
  <si>
    <t>森小路</t>
  </si>
  <si>
    <t>清水</t>
  </si>
  <si>
    <t>新森</t>
  </si>
  <si>
    <t>高殿</t>
  </si>
  <si>
    <t>城　東　区</t>
    <rPh sb="0" eb="1">
      <t>シロ</t>
    </rPh>
    <rPh sb="2" eb="3">
      <t>ヒガシ</t>
    </rPh>
    <rPh sb="4" eb="5">
      <t>ク</t>
    </rPh>
    <phoneticPr fontId="9"/>
  </si>
  <si>
    <t>野江</t>
  </si>
  <si>
    <t>成育</t>
  </si>
  <si>
    <t>関目</t>
  </si>
  <si>
    <t>古市</t>
  </si>
  <si>
    <t>今福東</t>
  </si>
  <si>
    <t>今福西</t>
  </si>
  <si>
    <t>今福南</t>
  </si>
  <si>
    <t>蒲生</t>
  </si>
  <si>
    <t>蒲生</t>
    <rPh sb="0" eb="2">
      <t>ガモウ</t>
    </rPh>
    <phoneticPr fontId="9"/>
  </si>
  <si>
    <t>新喜多</t>
  </si>
  <si>
    <t>新喜多東</t>
  </si>
  <si>
    <t>放出西</t>
  </si>
  <si>
    <t>天王田</t>
  </si>
  <si>
    <t>鴫野東</t>
  </si>
  <si>
    <t>鴫野西</t>
  </si>
  <si>
    <t>森之宮</t>
  </si>
  <si>
    <t>中浜</t>
  </si>
  <si>
    <t>東中浜</t>
  </si>
  <si>
    <t>永田</t>
  </si>
  <si>
    <t>諏訪</t>
  </si>
  <si>
    <t>鶴　見　区</t>
    <rPh sb="0" eb="1">
      <t>ツル</t>
    </rPh>
    <rPh sb="2" eb="3">
      <t>ミ</t>
    </rPh>
    <rPh sb="4" eb="5">
      <t>ク</t>
    </rPh>
    <phoneticPr fontId="9"/>
  </si>
  <si>
    <t>緑</t>
  </si>
  <si>
    <t>放出東</t>
  </si>
  <si>
    <t>今津北</t>
  </si>
  <si>
    <t>今津中</t>
  </si>
  <si>
    <t>今津南</t>
  </si>
  <si>
    <t>諸口</t>
  </si>
  <si>
    <t>徳庵</t>
  </si>
  <si>
    <t>中茶屋</t>
  </si>
  <si>
    <t>茨田大宮</t>
  </si>
  <si>
    <t>焼野</t>
  </si>
  <si>
    <t>浜</t>
  </si>
  <si>
    <t>安田</t>
  </si>
  <si>
    <t>横堤</t>
  </si>
  <si>
    <t>緑地公園</t>
  </si>
  <si>
    <t>阿倍野区</t>
    <rPh sb="0" eb="4">
      <t>アベノク</t>
    </rPh>
    <phoneticPr fontId="9"/>
  </si>
  <si>
    <t>天王寺町北</t>
  </si>
  <si>
    <t>天王寺町南</t>
  </si>
  <si>
    <t>阿倍野筋</t>
  </si>
  <si>
    <t>松崎町</t>
  </si>
  <si>
    <t>三明町</t>
  </si>
  <si>
    <t>美章園</t>
  </si>
  <si>
    <t>旭町</t>
  </si>
  <si>
    <t>文の里</t>
  </si>
  <si>
    <t>昭和町</t>
  </si>
  <si>
    <t>阪南町</t>
  </si>
  <si>
    <t>阪南町</t>
    <rPh sb="0" eb="3">
      <t>ハンナンチョウ</t>
    </rPh>
    <phoneticPr fontId="9"/>
  </si>
  <si>
    <t>王子町</t>
  </si>
  <si>
    <t>共立通</t>
  </si>
  <si>
    <t>丸山通</t>
  </si>
  <si>
    <t>松虫通</t>
  </si>
  <si>
    <t>阿倍野元町</t>
  </si>
  <si>
    <t>桃ケ池町</t>
  </si>
  <si>
    <t>長池町</t>
  </si>
  <si>
    <t>西田辺町</t>
  </si>
  <si>
    <t>晴明通</t>
  </si>
  <si>
    <t>橋本町</t>
  </si>
  <si>
    <t>相生通</t>
  </si>
  <si>
    <t>北畠</t>
  </si>
  <si>
    <t>帝塚山</t>
  </si>
  <si>
    <t>万代</t>
  </si>
  <si>
    <t>播磨町</t>
  </si>
  <si>
    <t>住之江区</t>
    <rPh sb="0" eb="3">
      <t>スミノエ</t>
    </rPh>
    <rPh sb="3" eb="4">
      <t>ク</t>
    </rPh>
    <phoneticPr fontId="9"/>
  </si>
  <si>
    <t>粉浜</t>
  </si>
  <si>
    <t>粉浜西</t>
  </si>
  <si>
    <t>安立</t>
  </si>
  <si>
    <t>浜口東</t>
  </si>
  <si>
    <t>浜口西</t>
  </si>
  <si>
    <t>西住之江</t>
  </si>
  <si>
    <t>御崎</t>
  </si>
  <si>
    <t>北加賀屋</t>
  </si>
  <si>
    <t>東加賀屋</t>
  </si>
  <si>
    <t>中加賀屋</t>
  </si>
  <si>
    <t>西加賀屋</t>
  </si>
  <si>
    <t>南加賀屋</t>
  </si>
  <si>
    <t>緑木</t>
  </si>
  <si>
    <t>柴谷</t>
  </si>
  <si>
    <t>泉</t>
  </si>
  <si>
    <t>北島</t>
  </si>
  <si>
    <t>新北島</t>
  </si>
  <si>
    <t>新北島</t>
    <rPh sb="0" eb="3">
      <t>シンキタジマ</t>
    </rPh>
    <phoneticPr fontId="9"/>
  </si>
  <si>
    <t>平林北</t>
  </si>
  <si>
    <t>平林南</t>
  </si>
  <si>
    <t>南港北</t>
  </si>
  <si>
    <t>南港東</t>
  </si>
  <si>
    <t>@３</t>
    <phoneticPr fontId="9"/>
  </si>
  <si>
    <t>*３</t>
    <phoneticPr fontId="9"/>
  </si>
  <si>
    <t>南港中</t>
  </si>
  <si>
    <t>@４</t>
  </si>
  <si>
    <t>南港南</t>
  </si>
  <si>
    <t>*４</t>
    <phoneticPr fontId="9"/>
  </si>
  <si>
    <t>住 吉 区</t>
    <rPh sb="0" eb="1">
      <t>ジュウ</t>
    </rPh>
    <rPh sb="2" eb="3">
      <t>キチ</t>
    </rPh>
    <rPh sb="4" eb="5">
      <t>ク</t>
    </rPh>
    <phoneticPr fontId="9"/>
  </si>
  <si>
    <t>南住吉</t>
  </si>
  <si>
    <t>千躰</t>
  </si>
  <si>
    <t>殿辻</t>
  </si>
  <si>
    <t>沢之町</t>
  </si>
  <si>
    <t>墨江</t>
  </si>
  <si>
    <t>上住吉</t>
  </si>
  <si>
    <t>長峡町</t>
  </si>
  <si>
    <t>東粉浜</t>
  </si>
  <si>
    <t>帝塚山西</t>
  </si>
  <si>
    <t>帝塚山中</t>
  </si>
  <si>
    <t>帝塚山東</t>
  </si>
  <si>
    <t>帝塚山東</t>
    <rPh sb="0" eb="4">
      <t>テヅカヤマヒガシ</t>
    </rPh>
    <phoneticPr fontId="9"/>
  </si>
  <si>
    <t>万代東</t>
  </si>
  <si>
    <t>大領</t>
  </si>
  <si>
    <t>長居西</t>
  </si>
  <si>
    <t>長居</t>
  </si>
  <si>
    <t>長居東</t>
  </si>
  <si>
    <t>苅田</t>
  </si>
  <si>
    <t>10丁目</t>
    <phoneticPr fontId="9"/>
  </si>
  <si>
    <t>庭井</t>
  </si>
  <si>
    <t>我孫子東</t>
  </si>
  <si>
    <t>我孫子</t>
  </si>
  <si>
    <t>我孫子西</t>
  </si>
  <si>
    <t>杉本</t>
  </si>
  <si>
    <t>浅香</t>
  </si>
  <si>
    <t>山之内元町</t>
  </si>
  <si>
    <t>山之内</t>
  </si>
  <si>
    <t>遠里小野</t>
  </si>
  <si>
    <t>清水丘</t>
  </si>
  <si>
    <t>東住吉区</t>
    <rPh sb="0" eb="1">
      <t>ヒガシ</t>
    </rPh>
    <rPh sb="1" eb="4">
      <t>スミヨシク</t>
    </rPh>
    <phoneticPr fontId="9"/>
  </si>
  <si>
    <t>今林</t>
  </si>
  <si>
    <t>杭全</t>
  </si>
  <si>
    <t>今川</t>
  </si>
  <si>
    <t>中野</t>
  </si>
  <si>
    <t>桑津</t>
  </si>
  <si>
    <t>北田辺</t>
  </si>
  <si>
    <t>田辺</t>
  </si>
  <si>
    <t>西今川</t>
  </si>
  <si>
    <t>駒川</t>
  </si>
  <si>
    <t>針中野</t>
  </si>
  <si>
    <t>湯里</t>
  </si>
  <si>
    <t>山坂</t>
  </si>
  <si>
    <t>南田辺</t>
  </si>
  <si>
    <t>東田辺</t>
  </si>
  <si>
    <t>長居公園</t>
  </si>
  <si>
    <t>鷹合</t>
  </si>
  <si>
    <t>公園南矢田</t>
  </si>
  <si>
    <t>矢田</t>
  </si>
  <si>
    <t>照ケ丘矢田</t>
  </si>
  <si>
    <t>住道矢田</t>
  </si>
  <si>
    <t>平 野 区</t>
    <rPh sb="0" eb="1">
      <t>ヒラ</t>
    </rPh>
    <rPh sb="2" eb="3">
      <t>ノ</t>
    </rPh>
    <rPh sb="4" eb="5">
      <t>ク</t>
    </rPh>
    <phoneticPr fontId="9"/>
  </si>
  <si>
    <t>平野馬場</t>
  </si>
  <si>
    <t>平野北</t>
  </si>
  <si>
    <t>西脇</t>
  </si>
  <si>
    <t>平野元町</t>
  </si>
  <si>
    <t>平野上町</t>
  </si>
  <si>
    <t>平野宮町</t>
  </si>
  <si>
    <t>平野市町</t>
  </si>
  <si>
    <t>背戸口</t>
  </si>
  <si>
    <t>平野本町</t>
  </si>
  <si>
    <t>平野東</t>
  </si>
  <si>
    <t>平野西</t>
  </si>
  <si>
    <t>流町</t>
  </si>
  <si>
    <t>平野南</t>
  </si>
  <si>
    <t>喜連西</t>
  </si>
  <si>
    <t>喜連西</t>
    <rPh sb="0" eb="3">
      <t>キレニシ</t>
    </rPh>
    <phoneticPr fontId="9"/>
  </si>
  <si>
    <t>喜連</t>
  </si>
  <si>
    <t>喜連東</t>
  </si>
  <si>
    <t>瓜破西</t>
  </si>
  <si>
    <t>瓜破</t>
  </si>
  <si>
    <t>瓜破東</t>
  </si>
  <si>
    <t>瓜破南</t>
  </si>
  <si>
    <t>加美北</t>
  </si>
  <si>
    <t>加美正覚寺</t>
  </si>
  <si>
    <t>加美正覚寺</t>
    <rPh sb="0" eb="5">
      <t>カミショウカクジ</t>
    </rPh>
    <phoneticPr fontId="9"/>
  </si>
  <si>
    <t>加美東</t>
  </si>
  <si>
    <t>加美西</t>
  </si>
  <si>
    <t>加美鞍作</t>
  </si>
  <si>
    <t>加美南</t>
  </si>
  <si>
    <t>長吉出戸</t>
  </si>
  <si>
    <t>長吉六反</t>
  </si>
  <si>
    <t>長吉長原西</t>
  </si>
  <si>
    <t>長吉長原</t>
  </si>
  <si>
    <t>長吉長原東</t>
  </si>
  <si>
    <t>長吉川辺</t>
  </si>
  <si>
    <t>西 成 区</t>
    <rPh sb="0" eb="1">
      <t>ニシ</t>
    </rPh>
    <rPh sb="2" eb="3">
      <t>シゲル</t>
    </rPh>
    <rPh sb="4" eb="5">
      <t>ク</t>
    </rPh>
    <phoneticPr fontId="9"/>
  </si>
  <si>
    <t>山王</t>
  </si>
  <si>
    <t>太子</t>
  </si>
  <si>
    <t>萩之茶屋</t>
  </si>
  <si>
    <t>花園北</t>
  </si>
  <si>
    <t>花園南</t>
  </si>
  <si>
    <t>天下茶屋北</t>
  </si>
  <si>
    <t>天下茶屋東</t>
  </si>
  <si>
    <t>天下茶屋</t>
  </si>
  <si>
    <t>聖天下</t>
  </si>
  <si>
    <t>天神ノ森</t>
  </si>
  <si>
    <t>岸里</t>
  </si>
  <si>
    <t>岸里東</t>
  </si>
  <si>
    <t>玉出東</t>
  </si>
  <si>
    <t>玉出中</t>
  </si>
  <si>
    <t>玉出西</t>
  </si>
  <si>
    <t>北開</t>
  </si>
  <si>
    <t>中開</t>
  </si>
  <si>
    <t>南開</t>
  </si>
  <si>
    <t>出城</t>
  </si>
  <si>
    <t>長橋</t>
  </si>
  <si>
    <t>鶴見橋</t>
  </si>
  <si>
    <t>梅南</t>
  </si>
  <si>
    <t>松</t>
  </si>
  <si>
    <t>橘</t>
  </si>
  <si>
    <t>潮路</t>
  </si>
  <si>
    <t>千本北</t>
  </si>
  <si>
    <t>千本中</t>
  </si>
  <si>
    <t>千本南</t>
  </si>
  <si>
    <t>北津守</t>
  </si>
  <si>
    <t>津守</t>
  </si>
  <si>
    <t>南津守</t>
  </si>
  <si>
    <t>・大阪市全区</t>
    <rPh sb="1" eb="4">
      <t>オオサカシ</t>
    </rPh>
    <rPh sb="4" eb="6">
      <t>ゼンク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42" formatCode="_ &quot;¥&quot;* #,##0_ ;_ &quot;¥&quot;* \-#,##0_ ;_ &quot;¥&quot;* &quot;-&quot;_ ;_ @_ "/>
    <numFmt numFmtId="41" formatCode="_ * #,##0_ ;_ * \-#,##0_ ;_ * &quot;-&quot;_ ;_ @_ "/>
    <numFmt numFmtId="176" formatCode="#,##0.0_ "/>
    <numFmt numFmtId="177" formatCode="#,##0.0_ ;[Red]\-#,##0.0\ "/>
    <numFmt numFmtId="178" formatCode="#,##0.0_);[Red]\(#,##0.0\)"/>
    <numFmt numFmtId="179" formatCode="#,##0_);\(#,##0\)"/>
    <numFmt numFmtId="180" formatCode="\(#,##0\)"/>
    <numFmt numFmtId="181" formatCode="#,##0_ ;[Red]\-#,##0\ "/>
    <numFmt numFmtId="182" formatCode="#,###,###,##0;&quot; -&quot;###,###,##0"/>
    <numFmt numFmtId="183" formatCode="##,###,###,##0;&quot;-&quot;#,###,###,##0"/>
    <numFmt numFmtId="184" formatCode="#,##0_ "/>
    <numFmt numFmtId="185" formatCode="#,##0.0_);\(#,##0.0\)"/>
  </numFmts>
  <fonts count="37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sz val="18"/>
      <name val="ＭＳ 明朝"/>
      <family val="1"/>
      <charset val="128"/>
    </font>
    <font>
      <sz val="8"/>
      <name val="ＭＳ 明朝"/>
      <family val="1"/>
      <charset val="128"/>
    </font>
    <font>
      <sz val="8"/>
      <name val="ＭＳ ゴシック"/>
      <family val="3"/>
      <charset val="128"/>
    </font>
    <font>
      <sz val="10"/>
      <name val="ＭＳ Ｐ明朝"/>
      <family val="1"/>
      <charset val="128"/>
    </font>
    <font>
      <sz val="18"/>
      <name val="ＭＳ Ｐ明朝"/>
      <family val="1"/>
      <charset val="128"/>
    </font>
    <font>
      <b/>
      <sz val="13"/>
      <name val="ＭＳ Ｐゴシック"/>
      <family val="3"/>
      <charset val="128"/>
    </font>
    <font>
      <sz val="7.5"/>
      <name val="ＭＳ 明朝"/>
      <family val="1"/>
      <charset val="128"/>
    </font>
    <font>
      <sz val="7"/>
      <name val="ＭＳ 明朝"/>
      <family val="1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Ｐゴシック"/>
      <family val="3"/>
      <charset val="128"/>
    </font>
    <font>
      <sz val="8"/>
      <name val="ＭＳ Ｐゴシック"/>
      <family val="3"/>
      <charset val="128"/>
    </font>
    <font>
      <sz val="7"/>
      <name val="ＭＳ Ｐ明朝"/>
      <family val="1"/>
      <charset val="128"/>
    </font>
    <font>
      <sz val="8"/>
      <name val="ＭＳ Ｐ明朝"/>
      <family val="1"/>
      <charset val="128"/>
    </font>
    <font>
      <sz val="8.5"/>
      <name val="ＭＳ 明朝"/>
      <family val="1"/>
      <charset val="128"/>
    </font>
    <font>
      <sz val="8.5"/>
      <name val="ＭＳ ゴシック"/>
      <family val="3"/>
      <charset val="128"/>
    </font>
    <font>
      <sz val="8.5"/>
      <name val="ＭＳ Ｐ明朝"/>
      <family val="1"/>
      <charset val="128"/>
    </font>
    <font>
      <sz val="10"/>
      <name val="ＭＳ ゴシック"/>
      <family val="3"/>
      <charset val="128"/>
    </font>
    <font>
      <sz val="7.5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ゴシック"/>
      <family val="3"/>
      <charset val="128"/>
    </font>
    <font>
      <sz val="7.5"/>
      <name val="ＭＳ Ｐ明朝"/>
      <family val="1"/>
      <charset val="128"/>
    </font>
    <font>
      <sz val="7.5"/>
      <name val="ＭＳ Ｐゴシック"/>
      <family val="3"/>
      <charset val="128"/>
    </font>
    <font>
      <u/>
      <sz val="11"/>
      <color theme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7" fillId="0" borderId="0"/>
    <xf numFmtId="38" fontId="12" fillId="0" borderId="0" applyFont="0" applyFill="0" applyBorder="0" applyAlignment="0" applyProtection="0"/>
    <xf numFmtId="0" fontId="12" fillId="0" borderId="0"/>
  </cellStyleXfs>
  <cellXfs count="473">
    <xf numFmtId="0" fontId="0" fillId="0" borderId="0" xfId="0"/>
    <xf numFmtId="0" fontId="1" fillId="0" borderId="0" xfId="0" applyFont="1"/>
    <xf numFmtId="0" fontId="3" fillId="0" borderId="0" xfId="0" applyFont="1"/>
    <xf numFmtId="0" fontId="8" fillId="0" borderId="0" xfId="2" applyFont="1"/>
    <xf numFmtId="0" fontId="8" fillId="0" borderId="0" xfId="2" applyFont="1" applyAlignment="1">
      <alignment horizontal="center"/>
    </xf>
    <xf numFmtId="0" fontId="10" fillId="0" borderId="0" xfId="0" applyFont="1" applyAlignment="1">
      <alignment vertical="center"/>
    </xf>
    <xf numFmtId="0" fontId="8" fillId="0" borderId="0" xfId="2" applyFont="1" applyAlignment="1">
      <alignment vertical="center"/>
    </xf>
    <xf numFmtId="0" fontId="6" fillId="0" borderId="0" xfId="1" applyFont="1" applyAlignment="1">
      <alignment vertical="center"/>
    </xf>
    <xf numFmtId="0" fontId="11" fillId="0" borderId="0" xfId="0" applyFont="1" applyAlignment="1">
      <alignment vertical="center"/>
    </xf>
    <xf numFmtId="38" fontId="3" fillId="0" borderId="0" xfId="3" applyFont="1" applyFill="1" applyAlignment="1">
      <alignment vertical="center"/>
    </xf>
    <xf numFmtId="177" fontId="3" fillId="0" borderId="0" xfId="3" applyNumberFormat="1" applyFont="1" applyFill="1" applyAlignment="1">
      <alignment vertical="center"/>
    </xf>
    <xf numFmtId="38" fontId="2" fillId="0" borderId="0" xfId="3" applyFont="1" applyFill="1" applyAlignment="1">
      <alignment vertical="center"/>
    </xf>
    <xf numFmtId="38" fontId="2" fillId="0" borderId="0" xfId="3" applyFont="1" applyFill="1" applyBorder="1" applyAlignment="1">
      <alignment vertical="center"/>
    </xf>
    <xf numFmtId="38" fontId="3" fillId="0" borderId="8" xfId="3" applyFont="1" applyFill="1" applyBorder="1" applyAlignment="1">
      <alignment vertical="center"/>
    </xf>
    <xf numFmtId="177" fontId="3" fillId="0" borderId="8" xfId="3" applyNumberFormat="1" applyFont="1" applyFill="1" applyBorder="1" applyAlignment="1">
      <alignment vertical="center"/>
    </xf>
    <xf numFmtId="38" fontId="14" fillId="0" borderId="0" xfId="3" applyFont="1" applyFill="1" applyAlignment="1">
      <alignment vertical="center"/>
    </xf>
    <xf numFmtId="38" fontId="14" fillId="0" borderId="17" xfId="3" applyFont="1" applyFill="1" applyBorder="1" applyAlignment="1">
      <alignment horizontal="center" vertical="center"/>
    </xf>
    <xf numFmtId="38" fontId="14" fillId="0" borderId="18" xfId="3" applyFont="1" applyFill="1" applyBorder="1" applyAlignment="1">
      <alignment horizontal="center" vertical="center"/>
    </xf>
    <xf numFmtId="38" fontId="14" fillId="0" borderId="19" xfId="3" applyFont="1" applyFill="1" applyBorder="1" applyAlignment="1">
      <alignment horizontal="center" vertical="center"/>
    </xf>
    <xf numFmtId="38" fontId="14" fillId="0" borderId="20" xfId="3" applyFont="1" applyFill="1" applyBorder="1" applyAlignment="1">
      <alignment horizontal="center" vertical="center"/>
    </xf>
    <xf numFmtId="38" fontId="14" fillId="0" borderId="8" xfId="3" applyFont="1" applyFill="1" applyBorder="1" applyAlignment="1">
      <alignment horizontal="center" vertical="center"/>
    </xf>
    <xf numFmtId="38" fontId="4" fillId="0" borderId="0" xfId="3" applyFont="1" applyFill="1" applyAlignment="1">
      <alignment vertical="center"/>
    </xf>
    <xf numFmtId="38" fontId="15" fillId="0" borderId="0" xfId="3" applyFont="1" applyFill="1" applyAlignment="1">
      <alignment horizontal="distributed" vertical="center"/>
    </xf>
    <xf numFmtId="38" fontId="14" fillId="0" borderId="0" xfId="3" applyFont="1" applyFill="1" applyAlignment="1">
      <alignment horizontal="centerContinuous" vertical="center"/>
    </xf>
    <xf numFmtId="38" fontId="14" fillId="0" borderId="0" xfId="3" applyFont="1" applyFill="1" applyAlignment="1">
      <alignment horizontal="distributed" vertical="center"/>
    </xf>
    <xf numFmtId="38" fontId="14" fillId="0" borderId="1" xfId="3" applyFont="1" applyFill="1" applyBorder="1" applyAlignment="1">
      <alignment horizontal="distributed" vertical="center"/>
    </xf>
    <xf numFmtId="177" fontId="3" fillId="0" borderId="0" xfId="3" applyNumberFormat="1" applyFont="1" applyFill="1" applyBorder="1" applyAlignment="1">
      <alignment vertical="center"/>
    </xf>
    <xf numFmtId="38" fontId="3" fillId="0" borderId="0" xfId="3" applyFont="1" applyFill="1" applyBorder="1" applyAlignment="1">
      <alignment vertical="center"/>
    </xf>
    <xf numFmtId="38" fontId="15" fillId="0" borderId="4" xfId="3" applyFont="1" applyFill="1" applyBorder="1" applyAlignment="1">
      <alignment vertical="center" shrinkToFit="1"/>
    </xf>
    <xf numFmtId="38" fontId="15" fillId="0" borderId="21" xfId="3" applyFont="1" applyFill="1" applyBorder="1" applyAlignment="1">
      <alignment vertical="center" shrinkToFit="1"/>
    </xf>
    <xf numFmtId="38" fontId="15" fillId="0" borderId="22" xfId="3" applyFont="1" applyFill="1" applyBorder="1" applyAlignment="1">
      <alignment vertical="center" shrinkToFit="1"/>
    </xf>
    <xf numFmtId="177" fontId="15" fillId="0" borderId="11" xfId="3" applyNumberFormat="1" applyFont="1" applyFill="1" applyBorder="1" applyAlignment="1">
      <alignment vertical="center" shrinkToFit="1"/>
    </xf>
    <xf numFmtId="38" fontId="14" fillId="0" borderId="4" xfId="3" applyFont="1" applyFill="1" applyBorder="1" applyAlignment="1">
      <alignment vertical="center" shrinkToFit="1"/>
    </xf>
    <xf numFmtId="38" fontId="14" fillId="0" borderId="5" xfId="3" applyFont="1" applyFill="1" applyBorder="1" applyAlignment="1">
      <alignment vertical="center" shrinkToFit="1"/>
    </xf>
    <xf numFmtId="38" fontId="14" fillId="0" borderId="22" xfId="3" applyFont="1" applyFill="1" applyBorder="1" applyAlignment="1">
      <alignment vertical="center" shrinkToFit="1"/>
    </xf>
    <xf numFmtId="177" fontId="15" fillId="0" borderId="4" xfId="3" applyNumberFormat="1" applyFont="1" applyFill="1" applyBorder="1" applyAlignment="1">
      <alignment vertical="center" shrinkToFit="1"/>
    </xf>
    <xf numFmtId="177" fontId="14" fillId="0" borderId="4" xfId="3" applyNumberFormat="1" applyFont="1" applyFill="1" applyBorder="1" applyAlignment="1">
      <alignment vertical="center" shrinkToFit="1"/>
    </xf>
    <xf numFmtId="38" fontId="14" fillId="0" borderId="4" xfId="3" applyFont="1" applyFill="1" applyBorder="1" applyAlignment="1">
      <alignment horizontal="right" vertical="center" shrinkToFit="1"/>
    </xf>
    <xf numFmtId="38" fontId="14" fillId="0" borderId="22" xfId="3" applyFont="1" applyFill="1" applyBorder="1" applyAlignment="1">
      <alignment horizontal="right" vertical="center" shrinkToFit="1"/>
    </xf>
    <xf numFmtId="38" fontId="14" fillId="0" borderId="5" xfId="3" applyFont="1" applyFill="1" applyBorder="1" applyAlignment="1">
      <alignment horizontal="right" vertical="center" shrinkToFit="1"/>
    </xf>
    <xf numFmtId="38" fontId="14" fillId="0" borderId="6" xfId="3" applyFont="1" applyFill="1" applyBorder="1" applyAlignment="1">
      <alignment vertical="center" shrinkToFit="1"/>
    </xf>
    <xf numFmtId="38" fontId="14" fillId="0" borderId="7" xfId="3" applyFont="1" applyFill="1" applyBorder="1" applyAlignment="1">
      <alignment vertical="center" shrinkToFit="1"/>
    </xf>
    <xf numFmtId="38" fontId="14" fillId="0" borderId="23" xfId="3" applyFont="1" applyFill="1" applyBorder="1" applyAlignment="1">
      <alignment vertical="center" shrinkToFit="1"/>
    </xf>
    <xf numFmtId="177" fontId="14" fillId="0" borderId="6" xfId="3" applyNumberFormat="1" applyFont="1" applyFill="1" applyBorder="1" applyAlignment="1">
      <alignment vertical="center" shrinkToFit="1"/>
    </xf>
    <xf numFmtId="0" fontId="16" fillId="0" borderId="0" xfId="4" applyFont="1" applyFill="1" applyAlignment="1">
      <alignment vertical="center"/>
    </xf>
    <xf numFmtId="41" fontId="16" fillId="0" borderId="0" xfId="4" applyNumberFormat="1" applyFont="1" applyFill="1" applyAlignment="1">
      <alignment vertical="center"/>
    </xf>
    <xf numFmtId="178" fontId="16" fillId="0" borderId="0" xfId="4" applyNumberFormat="1" applyFont="1" applyFill="1" applyAlignment="1">
      <alignment vertical="center"/>
    </xf>
    <xf numFmtId="0" fontId="17" fillId="0" borderId="0" xfId="4" applyFont="1" applyFill="1" applyAlignment="1">
      <alignment vertical="center"/>
    </xf>
    <xf numFmtId="0" fontId="18" fillId="0" borderId="8" xfId="4" applyFont="1" applyFill="1" applyBorder="1" applyAlignment="1">
      <alignment vertical="center"/>
    </xf>
    <xf numFmtId="0" fontId="16" fillId="0" borderId="8" xfId="4" applyFont="1" applyFill="1" applyBorder="1" applyAlignment="1">
      <alignment vertical="center"/>
    </xf>
    <xf numFmtId="41" fontId="16" fillId="0" borderId="8" xfId="4" applyNumberFormat="1" applyFont="1" applyFill="1" applyBorder="1" applyAlignment="1">
      <alignment vertical="center"/>
    </xf>
    <xf numFmtId="178" fontId="16" fillId="0" borderId="8" xfId="4" applyNumberFormat="1" applyFont="1" applyFill="1" applyBorder="1" applyAlignment="1">
      <alignment vertical="center"/>
    </xf>
    <xf numFmtId="38" fontId="19" fillId="0" borderId="0" xfId="3" applyFont="1" applyFill="1" applyBorder="1" applyAlignment="1">
      <alignment vertical="center"/>
    </xf>
    <xf numFmtId="38" fontId="19" fillId="0" borderId="3" xfId="3" applyFont="1" applyFill="1" applyBorder="1" applyAlignment="1">
      <alignment horizontal="center" vertical="center"/>
    </xf>
    <xf numFmtId="38" fontId="19" fillId="0" borderId="0" xfId="3" applyFont="1" applyFill="1" applyBorder="1" applyAlignment="1">
      <alignment horizontal="center" vertical="center"/>
    </xf>
    <xf numFmtId="38" fontId="19" fillId="0" borderId="0" xfId="3" applyFont="1" applyFill="1" applyAlignment="1">
      <alignment vertical="center"/>
    </xf>
    <xf numFmtId="38" fontId="19" fillId="0" borderId="8" xfId="3" applyFont="1" applyFill="1" applyBorder="1" applyAlignment="1">
      <alignment vertical="center"/>
    </xf>
    <xf numFmtId="38" fontId="19" fillId="0" borderId="16" xfId="3" applyFont="1" applyFill="1" applyBorder="1" applyAlignment="1">
      <alignment horizontal="center" vertical="center"/>
    </xf>
    <xf numFmtId="38" fontId="19" fillId="0" borderId="8" xfId="3" applyFont="1" applyFill="1" applyBorder="1" applyAlignment="1">
      <alignment horizontal="center" vertical="center"/>
    </xf>
    <xf numFmtId="38" fontId="19" fillId="0" borderId="17" xfId="3" applyFont="1" applyFill="1" applyBorder="1" applyAlignment="1">
      <alignment horizontal="center" vertical="center" wrapText="1"/>
    </xf>
    <xf numFmtId="38" fontId="19" fillId="0" borderId="25" xfId="3" applyFont="1" applyFill="1" applyBorder="1" applyAlignment="1">
      <alignment horizontal="center" vertical="center"/>
    </xf>
    <xf numFmtId="41" fontId="19" fillId="0" borderId="26" xfId="3" applyNumberFormat="1" applyFont="1" applyFill="1" applyBorder="1" applyAlignment="1">
      <alignment horizontal="center" vertical="center"/>
    </xf>
    <xf numFmtId="41" fontId="4" fillId="0" borderId="18" xfId="3" applyNumberFormat="1" applyFont="1" applyFill="1" applyBorder="1" applyAlignment="1">
      <alignment horizontal="center" vertical="center"/>
    </xf>
    <xf numFmtId="41" fontId="4" fillId="0" borderId="25" xfId="3" applyNumberFormat="1" applyFont="1" applyFill="1" applyBorder="1" applyAlignment="1">
      <alignment horizontal="center" vertical="center"/>
    </xf>
    <xf numFmtId="38" fontId="21" fillId="0" borderId="0" xfId="3" applyFont="1" applyFill="1" applyAlignment="1">
      <alignment vertical="center"/>
    </xf>
    <xf numFmtId="38" fontId="14" fillId="0" borderId="4" xfId="3" applyFont="1" applyFill="1" applyBorder="1" applyAlignment="1">
      <alignment horizontal="center" vertical="center"/>
    </xf>
    <xf numFmtId="38" fontId="2" fillId="0" borderId="1" xfId="3" applyFont="1" applyFill="1" applyBorder="1" applyAlignment="1">
      <alignment vertical="center"/>
    </xf>
    <xf numFmtId="0" fontId="12" fillId="0" borderId="0" xfId="4" applyFill="1"/>
    <xf numFmtId="38" fontId="20" fillId="0" borderId="0" xfId="3" applyFont="1" applyFill="1" applyBorder="1" applyAlignment="1">
      <alignment horizontal="center" vertical="center"/>
    </xf>
    <xf numFmtId="0" fontId="12" fillId="0" borderId="1" xfId="4" applyFill="1" applyBorder="1"/>
    <xf numFmtId="0" fontId="23" fillId="0" borderId="1" xfId="4" applyFont="1" applyFill="1" applyBorder="1"/>
    <xf numFmtId="0" fontId="12" fillId="0" borderId="6" xfId="4" applyFill="1" applyBorder="1"/>
    <xf numFmtId="179" fontId="24" fillId="0" borderId="7" xfId="4" applyNumberFormat="1" applyFont="1" applyFill="1" applyBorder="1"/>
    <xf numFmtId="179" fontId="24" fillId="0" borderId="1" xfId="4" applyNumberFormat="1" applyFont="1" applyFill="1" applyBorder="1"/>
    <xf numFmtId="41" fontId="24" fillId="0" borderId="29" xfId="4" applyNumberFormat="1" applyFont="1" applyFill="1" applyBorder="1"/>
    <xf numFmtId="41" fontId="24" fillId="0" borderId="7" xfId="4" applyNumberFormat="1" applyFont="1" applyFill="1" applyBorder="1"/>
    <xf numFmtId="41" fontId="24" fillId="0" borderId="7" xfId="4" applyNumberFormat="1" applyFont="1" applyFill="1" applyBorder="1" applyAlignment="1">
      <alignment horizontal="right"/>
    </xf>
    <xf numFmtId="178" fontId="24" fillId="0" borderId="6" xfId="4" applyNumberFormat="1" applyFont="1" applyFill="1" applyBorder="1"/>
    <xf numFmtId="0" fontId="21" fillId="0" borderId="0" xfId="4" applyFont="1" applyFill="1" applyBorder="1" applyAlignment="1">
      <alignment horizontal="distributed" vertical="center" shrinkToFit="1"/>
    </xf>
    <xf numFmtId="0" fontId="21" fillId="0" borderId="11" xfId="4" applyFont="1" applyFill="1" applyBorder="1" applyAlignment="1">
      <alignment horizontal="distributed" vertical="center" shrinkToFit="1"/>
    </xf>
    <xf numFmtId="179" fontId="15" fillId="0" borderId="11" xfId="3" applyNumberFormat="1" applyFont="1" applyFill="1" applyBorder="1" applyAlignment="1">
      <alignment horizontal="right" vertical="center" shrinkToFit="1"/>
    </xf>
    <xf numFmtId="179" fontId="15" fillId="0" borderId="5" xfId="3" applyNumberFormat="1" applyFont="1" applyFill="1" applyBorder="1" applyAlignment="1">
      <alignment horizontal="right" vertical="center" shrinkToFit="1"/>
    </xf>
    <xf numFmtId="179" fontId="15" fillId="0" borderId="9" xfId="3" applyNumberFormat="1" applyFont="1" applyFill="1" applyBorder="1" applyAlignment="1">
      <alignment horizontal="right" vertical="center" shrinkToFit="1"/>
    </xf>
    <xf numFmtId="179" fontId="15" fillId="0" borderId="4" xfId="3" applyNumberFormat="1" applyFont="1" applyFill="1" applyBorder="1" applyAlignment="1">
      <alignment horizontal="right" vertical="center" shrinkToFit="1"/>
    </xf>
    <xf numFmtId="41" fontId="15" fillId="0" borderId="22" xfId="3" applyNumberFormat="1" applyFont="1" applyFill="1" applyBorder="1" applyAlignment="1">
      <alignment vertical="center" shrinkToFit="1"/>
    </xf>
    <xf numFmtId="41" fontId="15" fillId="0" borderId="4" xfId="3" applyNumberFormat="1" applyFont="1" applyFill="1" applyBorder="1" applyAlignment="1">
      <alignment vertical="center" shrinkToFit="1"/>
    </xf>
    <xf numFmtId="178" fontId="15" fillId="0" borderId="4" xfId="3" applyNumberFormat="1" applyFont="1" applyFill="1" applyBorder="1" applyAlignment="1">
      <alignment vertical="center" shrinkToFit="1"/>
    </xf>
    <xf numFmtId="38" fontId="20" fillId="0" borderId="0" xfId="3" applyFont="1" applyFill="1" applyAlignment="1">
      <alignment horizontal="distributed" vertical="center" shrinkToFit="1"/>
    </xf>
    <xf numFmtId="38" fontId="20" fillId="0" borderId="0" xfId="3" applyFont="1" applyFill="1" applyAlignment="1">
      <alignment horizontal="center" vertical="center" shrinkToFit="1"/>
    </xf>
    <xf numFmtId="38" fontId="2" fillId="0" borderId="0" xfId="3" applyFont="1" applyFill="1" applyAlignment="1">
      <alignment horizontal="center" vertical="center" shrinkToFit="1"/>
    </xf>
    <xf numFmtId="38" fontId="2" fillId="0" borderId="4" xfId="3" applyFont="1" applyFill="1" applyBorder="1" applyAlignment="1">
      <alignment horizontal="center" vertical="center" shrinkToFit="1"/>
    </xf>
    <xf numFmtId="179" fontId="14" fillId="0" borderId="4" xfId="3" applyNumberFormat="1" applyFont="1" applyFill="1" applyBorder="1" applyAlignment="1">
      <alignment vertical="center" shrinkToFit="1"/>
    </xf>
    <xf numFmtId="179" fontId="14" fillId="0" borderId="5" xfId="3" applyNumberFormat="1" applyFont="1" applyFill="1" applyBorder="1" applyAlignment="1">
      <alignment vertical="center" shrinkToFit="1"/>
    </xf>
    <xf numFmtId="179" fontId="2" fillId="0" borderId="0" xfId="3" applyNumberFormat="1" applyFont="1" applyFill="1" applyAlignment="1">
      <alignment vertical="center" shrinkToFit="1"/>
    </xf>
    <xf numFmtId="179" fontId="14" fillId="0" borderId="4" xfId="3" applyNumberFormat="1" applyFont="1" applyFill="1" applyBorder="1" applyAlignment="1">
      <alignment horizontal="right" vertical="center" shrinkToFit="1"/>
    </xf>
    <xf numFmtId="41" fontId="14" fillId="0" borderId="22" xfId="3" applyNumberFormat="1" applyFont="1" applyFill="1" applyBorder="1" applyAlignment="1">
      <alignment vertical="center" shrinkToFit="1"/>
    </xf>
    <xf numFmtId="41" fontId="14" fillId="0" borderId="4" xfId="3" applyNumberFormat="1" applyFont="1" applyFill="1" applyBorder="1" applyAlignment="1">
      <alignment vertical="center" shrinkToFit="1"/>
    </xf>
    <xf numFmtId="178" fontId="14" fillId="0" borderId="4" xfId="3" applyNumberFormat="1" applyFont="1" applyFill="1" applyBorder="1" applyAlignment="1">
      <alignment vertical="center" shrinkToFit="1"/>
    </xf>
    <xf numFmtId="179" fontId="14" fillId="0" borderId="5" xfId="3" applyNumberFormat="1" applyFont="1" applyFill="1" applyBorder="1" applyAlignment="1">
      <alignment horizontal="right" vertical="center" shrinkToFit="1"/>
    </xf>
    <xf numFmtId="179" fontId="14" fillId="0" borderId="0" xfId="3" applyNumberFormat="1" applyFont="1" applyFill="1" applyBorder="1" applyAlignment="1">
      <alignment vertical="center" shrinkToFit="1"/>
    </xf>
    <xf numFmtId="41" fontId="14" fillId="0" borderId="5" xfId="3" applyNumberFormat="1" applyFont="1" applyFill="1" applyBorder="1" applyAlignment="1">
      <alignment horizontal="right" vertical="center" shrinkToFit="1"/>
    </xf>
    <xf numFmtId="49" fontId="14" fillId="0" borderId="5" xfId="3" applyNumberFormat="1" applyFont="1" applyFill="1" applyBorder="1" applyAlignment="1">
      <alignment horizontal="right" vertical="center" shrinkToFit="1"/>
    </xf>
    <xf numFmtId="41" fontId="14" fillId="0" borderId="22" xfId="3" applyNumberFormat="1" applyFont="1" applyFill="1" applyBorder="1" applyAlignment="1">
      <alignment horizontal="right" vertical="center" shrinkToFit="1"/>
    </xf>
    <xf numFmtId="41" fontId="14" fillId="0" borderId="4" xfId="3" applyNumberFormat="1" applyFont="1" applyFill="1" applyBorder="1" applyAlignment="1">
      <alignment horizontal="right" vertical="center" shrinkToFit="1"/>
    </xf>
    <xf numFmtId="49" fontId="14" fillId="0" borderId="4" xfId="3" applyNumberFormat="1" applyFont="1" applyFill="1" applyBorder="1" applyAlignment="1">
      <alignment horizontal="right" vertical="center" shrinkToFit="1"/>
    </xf>
    <xf numFmtId="179" fontId="14" fillId="0" borderId="5" xfId="3" applyNumberFormat="1" applyFont="1" applyFill="1" applyBorder="1" applyAlignment="1">
      <alignment horizontal="right" vertical="center" shrinkToFit="1"/>
    </xf>
    <xf numFmtId="178" fontId="14" fillId="0" borderId="4" xfId="3" applyNumberFormat="1" applyFont="1" applyFill="1" applyBorder="1" applyAlignment="1">
      <alignment vertical="center" shrinkToFit="1"/>
    </xf>
    <xf numFmtId="180" fontId="14" fillId="0" borderId="4" xfId="3" applyNumberFormat="1" applyFont="1" applyFill="1" applyBorder="1" applyAlignment="1">
      <alignment vertical="center" shrinkToFit="1"/>
    </xf>
    <xf numFmtId="38" fontId="14" fillId="0" borderId="4" xfId="3" applyFont="1" applyFill="1" applyBorder="1" applyAlignment="1">
      <alignment horizontal="center" vertical="center" shrinkToFit="1"/>
    </xf>
    <xf numFmtId="178" fontId="14" fillId="0" borderId="4" xfId="3" applyNumberFormat="1" applyFont="1" applyFill="1" applyBorder="1" applyAlignment="1">
      <alignment horizontal="right" vertical="center" shrinkToFit="1"/>
    </xf>
    <xf numFmtId="38" fontId="20" fillId="0" borderId="1" xfId="3" applyFont="1" applyFill="1" applyBorder="1" applyAlignment="1">
      <alignment horizontal="distributed" vertical="center" shrinkToFit="1"/>
    </xf>
    <xf numFmtId="38" fontId="20" fillId="0" borderId="1" xfId="3" applyFont="1" applyFill="1" applyBorder="1" applyAlignment="1">
      <alignment horizontal="center" vertical="center" shrinkToFit="1"/>
    </xf>
    <xf numFmtId="38" fontId="2" fillId="0" borderId="1" xfId="3" applyFont="1" applyFill="1" applyBorder="1" applyAlignment="1">
      <alignment horizontal="center" vertical="center" shrinkToFit="1"/>
    </xf>
    <xf numFmtId="38" fontId="2" fillId="0" borderId="6" xfId="3" applyFont="1" applyFill="1" applyBorder="1" applyAlignment="1">
      <alignment horizontal="center" vertical="center" shrinkToFit="1"/>
    </xf>
    <xf numFmtId="179" fontId="14" fillId="0" borderId="7" xfId="3" applyNumberFormat="1" applyFont="1" applyFill="1" applyBorder="1" applyAlignment="1">
      <alignment horizontal="right" vertical="center" shrinkToFit="1"/>
    </xf>
    <xf numFmtId="179" fontId="14" fillId="0" borderId="6" xfId="3" applyNumberFormat="1" applyFont="1" applyFill="1" applyBorder="1" applyAlignment="1">
      <alignment vertical="center" shrinkToFit="1"/>
    </xf>
    <xf numFmtId="179" fontId="14" fillId="0" borderId="7" xfId="3" applyNumberFormat="1" applyFont="1" applyFill="1" applyBorder="1" applyAlignment="1">
      <alignment vertical="center" shrinkToFit="1"/>
    </xf>
    <xf numFmtId="179" fontId="14" fillId="0" borderId="1" xfId="3" applyNumberFormat="1" applyFont="1" applyFill="1" applyBorder="1" applyAlignment="1">
      <alignment vertical="center" shrinkToFit="1"/>
    </xf>
    <xf numFmtId="179" fontId="14" fillId="0" borderId="6" xfId="3" applyNumberFormat="1" applyFont="1" applyFill="1" applyBorder="1" applyAlignment="1">
      <alignment horizontal="right" vertical="center" shrinkToFit="1"/>
    </xf>
    <xf numFmtId="41" fontId="14" fillId="0" borderId="23" xfId="3" applyNumberFormat="1" applyFont="1" applyFill="1" applyBorder="1" applyAlignment="1">
      <alignment vertical="center" shrinkToFit="1"/>
    </xf>
    <xf numFmtId="41" fontId="14" fillId="0" borderId="6" xfId="3" applyNumberFormat="1" applyFont="1" applyFill="1" applyBorder="1" applyAlignment="1">
      <alignment vertical="center" shrinkToFit="1"/>
    </xf>
    <xf numFmtId="41" fontId="14" fillId="0" borderId="7" xfId="3" applyNumberFormat="1" applyFont="1" applyFill="1" applyBorder="1" applyAlignment="1">
      <alignment horizontal="right" vertical="center" shrinkToFit="1"/>
    </xf>
    <xf numFmtId="178" fontId="14" fillId="0" borderId="6" xfId="3" applyNumberFormat="1" applyFont="1" applyFill="1" applyBorder="1" applyAlignment="1">
      <alignment vertical="center" shrinkToFit="1"/>
    </xf>
    <xf numFmtId="179" fontId="14" fillId="0" borderId="0" xfId="3" applyNumberFormat="1" applyFont="1" applyFill="1" applyBorder="1" applyAlignment="1">
      <alignment horizontal="right" vertical="center" shrinkToFit="1"/>
    </xf>
    <xf numFmtId="38" fontId="19" fillId="0" borderId="4" xfId="3" applyFont="1" applyFill="1" applyBorder="1" applyAlignment="1">
      <alignment horizontal="center" vertical="center" shrinkToFit="1"/>
    </xf>
    <xf numFmtId="41" fontId="14" fillId="0" borderId="27" xfId="3" applyNumberFormat="1" applyFont="1" applyFill="1" applyBorder="1" applyAlignment="1">
      <alignment horizontal="right" vertical="center" shrinkToFit="1"/>
    </xf>
    <xf numFmtId="179" fontId="14" fillId="0" borderId="0" xfId="3" applyNumberFormat="1" applyFont="1" applyFill="1" applyAlignment="1">
      <alignment horizontal="right" vertical="center" shrinkToFit="1"/>
    </xf>
    <xf numFmtId="179" fontId="14" fillId="0" borderId="1" xfId="3" applyNumberFormat="1" applyFont="1" applyFill="1" applyBorder="1" applyAlignment="1">
      <alignment horizontal="right" vertical="center" shrinkToFit="1"/>
    </xf>
    <xf numFmtId="41" fontId="14" fillId="0" borderId="7" xfId="3" applyNumberFormat="1" applyFont="1" applyFill="1" applyBorder="1" applyAlignment="1">
      <alignment vertical="center" shrinkToFit="1"/>
    </xf>
    <xf numFmtId="41" fontId="14" fillId="0" borderId="6" xfId="3" applyNumberFormat="1" applyFont="1" applyFill="1" applyBorder="1" applyAlignment="1">
      <alignment horizontal="right" vertical="center" shrinkToFit="1"/>
    </xf>
    <xf numFmtId="38" fontId="2" fillId="0" borderId="0" xfId="3" applyFont="1" applyFill="1" applyAlignment="1">
      <alignment vertical="center" shrinkToFit="1"/>
    </xf>
    <xf numFmtId="38" fontId="2" fillId="0" borderId="4" xfId="3" applyFont="1" applyFill="1" applyBorder="1" applyAlignment="1">
      <alignment vertical="center" shrinkToFit="1"/>
    </xf>
    <xf numFmtId="179" fontId="14" fillId="0" borderId="28" xfId="3" applyNumberFormat="1" applyFont="1" applyFill="1" applyBorder="1" applyAlignment="1">
      <alignment horizontal="right" vertical="center" shrinkToFit="1"/>
    </xf>
    <xf numFmtId="41" fontId="14" fillId="0" borderId="27" xfId="3" applyNumberFormat="1" applyFont="1" applyFill="1" applyBorder="1" applyAlignment="1">
      <alignment vertical="center" shrinkToFit="1"/>
    </xf>
    <xf numFmtId="41" fontId="14" fillId="0" borderId="5" xfId="3" applyNumberFormat="1" applyFont="1" applyFill="1" applyBorder="1" applyAlignment="1">
      <alignment vertical="center" shrinkToFit="1"/>
    </xf>
    <xf numFmtId="176" fontId="14" fillId="0" borderId="4" xfId="3" applyNumberFormat="1" applyFont="1" applyFill="1" applyBorder="1" applyAlignment="1">
      <alignment horizontal="right" vertical="center" shrinkToFit="1"/>
    </xf>
    <xf numFmtId="38" fontId="20" fillId="0" borderId="0" xfId="3" applyFont="1" applyFill="1" applyBorder="1" applyAlignment="1">
      <alignment horizontal="distributed" vertical="center" shrinkToFit="1"/>
    </xf>
    <xf numFmtId="38" fontId="20" fillId="0" borderId="0" xfId="3" applyFont="1" applyFill="1" applyBorder="1" applyAlignment="1">
      <alignment horizontal="center" vertical="center" shrinkToFit="1"/>
    </xf>
    <xf numFmtId="38" fontId="2" fillId="0" borderId="0" xfId="3" applyFont="1" applyFill="1" applyBorder="1" applyAlignment="1">
      <alignment vertical="center" shrinkToFit="1"/>
    </xf>
    <xf numFmtId="38" fontId="2" fillId="0" borderId="5" xfId="3" applyFont="1" applyFill="1" applyBorder="1" applyAlignment="1">
      <alignment vertical="center" shrinkToFit="1"/>
    </xf>
    <xf numFmtId="0" fontId="16" fillId="0" borderId="0" xfId="4" applyFont="1" applyFill="1" applyBorder="1" applyAlignment="1">
      <alignment vertical="center"/>
    </xf>
    <xf numFmtId="0" fontId="16" fillId="0" borderId="1" xfId="4" applyFont="1" applyFill="1" applyBorder="1" applyAlignment="1">
      <alignment vertical="center"/>
    </xf>
    <xf numFmtId="0" fontId="25" fillId="0" borderId="1" xfId="4" applyFont="1" applyFill="1" applyBorder="1" applyAlignment="1">
      <alignment vertical="center"/>
    </xf>
    <xf numFmtId="0" fontId="16" fillId="0" borderId="7" xfId="4" applyFont="1" applyFill="1" applyBorder="1" applyAlignment="1">
      <alignment vertical="center"/>
    </xf>
    <xf numFmtId="179" fontId="26" fillId="0" borderId="7" xfId="4" applyNumberFormat="1" applyFont="1" applyFill="1" applyBorder="1" applyAlignment="1">
      <alignment vertical="center"/>
    </xf>
    <xf numFmtId="179" fontId="26" fillId="0" borderId="1" xfId="4" applyNumberFormat="1" applyFont="1" applyFill="1" applyBorder="1" applyAlignment="1">
      <alignment vertical="center"/>
    </xf>
    <xf numFmtId="41" fontId="26" fillId="0" borderId="7" xfId="4" applyNumberFormat="1" applyFont="1" applyFill="1" applyBorder="1" applyAlignment="1">
      <alignment vertical="center"/>
    </xf>
    <xf numFmtId="178" fontId="26" fillId="0" borderId="1" xfId="4" applyNumberFormat="1" applyFont="1" applyFill="1" applyBorder="1" applyAlignment="1">
      <alignment vertical="center"/>
    </xf>
    <xf numFmtId="179" fontId="26" fillId="0" borderId="0" xfId="4" applyNumberFormat="1" applyFont="1" applyFill="1" applyAlignment="1">
      <alignment vertical="center"/>
    </xf>
    <xf numFmtId="41" fontId="26" fillId="0" borderId="0" xfId="4" applyNumberFormat="1" applyFont="1" applyFill="1" applyAlignment="1">
      <alignment vertical="center"/>
    </xf>
    <xf numFmtId="178" fontId="26" fillId="0" borderId="0" xfId="4" applyNumberFormat="1" applyFont="1" applyFill="1" applyAlignment="1">
      <alignment vertical="center"/>
    </xf>
    <xf numFmtId="179" fontId="16" fillId="0" borderId="0" xfId="4" applyNumberFormat="1" applyFont="1" applyFill="1" applyAlignment="1">
      <alignment vertical="center"/>
    </xf>
    <xf numFmtId="179" fontId="15" fillId="0" borderId="4" xfId="3" applyNumberFormat="1" applyFont="1" applyFill="1" applyBorder="1" applyAlignment="1">
      <alignment vertical="center" shrinkToFit="1"/>
    </xf>
    <xf numFmtId="179" fontId="15" fillId="0" borderId="11" xfId="3" applyNumberFormat="1" applyFont="1" applyFill="1" applyBorder="1" applyAlignment="1">
      <alignment vertical="center" shrinkToFit="1"/>
    </xf>
    <xf numFmtId="179" fontId="15" fillId="0" borderId="5" xfId="3" applyNumberFormat="1" applyFont="1" applyFill="1" applyBorder="1" applyAlignment="1">
      <alignment vertical="center" shrinkToFit="1"/>
    </xf>
    <xf numFmtId="179" fontId="15" fillId="0" borderId="0" xfId="3" applyNumberFormat="1" applyFont="1" applyFill="1" applyBorder="1" applyAlignment="1">
      <alignment vertical="center" shrinkToFit="1"/>
    </xf>
    <xf numFmtId="179" fontId="14" fillId="0" borderId="3" xfId="3" applyNumberFormat="1" applyFont="1" applyFill="1" applyBorder="1" applyAlignment="1">
      <alignment horizontal="right" vertical="center" shrinkToFit="1"/>
    </xf>
    <xf numFmtId="41" fontId="14" fillId="0" borderId="3" xfId="3" applyNumberFormat="1" applyFont="1" applyFill="1" applyBorder="1" applyAlignment="1">
      <alignment vertical="center" shrinkToFit="1"/>
    </xf>
    <xf numFmtId="178" fontId="14" fillId="0" borderId="0" xfId="3" applyNumberFormat="1" applyFont="1" applyFill="1" applyBorder="1" applyAlignment="1">
      <alignment vertical="center" shrinkToFit="1"/>
    </xf>
    <xf numFmtId="41" fontId="14" fillId="0" borderId="22" xfId="3" applyNumberFormat="1" applyFont="1" applyFill="1" applyBorder="1" applyAlignment="1">
      <alignment shrinkToFit="1"/>
    </xf>
    <xf numFmtId="41" fontId="14" fillId="0" borderId="5" xfId="3" applyNumberFormat="1" applyFont="1" applyFill="1" applyBorder="1" applyAlignment="1">
      <alignment shrinkToFit="1"/>
    </xf>
    <xf numFmtId="41" fontId="14" fillId="0" borderId="4" xfId="3" applyNumberFormat="1" applyFont="1" applyFill="1" applyBorder="1" applyAlignment="1">
      <alignment shrinkToFit="1"/>
    </xf>
    <xf numFmtId="0" fontId="16" fillId="0" borderId="0" xfId="4" applyFont="1" applyFill="1" applyBorder="1" applyAlignment="1">
      <alignment vertical="center" shrinkToFit="1"/>
    </xf>
    <xf numFmtId="0" fontId="16" fillId="0" borderId="5" xfId="4" applyFont="1" applyFill="1" applyBorder="1" applyAlignment="1">
      <alignment vertical="center" shrinkToFit="1"/>
    </xf>
    <xf numFmtId="41" fontId="14" fillId="0" borderId="27" xfId="3" applyNumberFormat="1" applyFont="1" applyFill="1" applyBorder="1" applyAlignment="1">
      <alignment shrinkToFit="1"/>
    </xf>
    <xf numFmtId="41" fontId="14" fillId="0" borderId="0" xfId="3" applyNumberFormat="1" applyFont="1" applyFill="1" applyBorder="1" applyAlignment="1">
      <alignment shrinkToFit="1"/>
    </xf>
    <xf numFmtId="0" fontId="16" fillId="0" borderId="0" xfId="4" applyFont="1" applyFill="1" applyAlignment="1">
      <alignment vertical="center" shrinkToFit="1"/>
    </xf>
    <xf numFmtId="0" fontId="25" fillId="0" borderId="1" xfId="4" applyFont="1" applyFill="1" applyBorder="1" applyAlignment="1">
      <alignment vertical="center" shrinkToFit="1"/>
    </xf>
    <xf numFmtId="0" fontId="16" fillId="0" borderId="1" xfId="4" applyFont="1" applyFill="1" applyBorder="1" applyAlignment="1">
      <alignment vertical="center" shrinkToFit="1"/>
    </xf>
    <xf numFmtId="0" fontId="16" fillId="0" borderId="7" xfId="4" applyFont="1" applyFill="1" applyBorder="1" applyAlignment="1">
      <alignment vertical="center" shrinkToFit="1"/>
    </xf>
    <xf numFmtId="179" fontId="26" fillId="0" borderId="7" xfId="4" applyNumberFormat="1" applyFont="1" applyFill="1" applyBorder="1" applyAlignment="1">
      <alignment vertical="center" shrinkToFit="1"/>
    </xf>
    <xf numFmtId="179" fontId="26" fillId="0" borderId="1" xfId="4" applyNumberFormat="1" applyFont="1" applyFill="1" applyBorder="1" applyAlignment="1">
      <alignment vertical="center" shrinkToFit="1"/>
    </xf>
    <xf numFmtId="179" fontId="26" fillId="0" borderId="2" xfId="4" applyNumberFormat="1" applyFont="1" applyFill="1" applyBorder="1" applyAlignment="1">
      <alignment vertical="center" shrinkToFit="1"/>
    </xf>
    <xf numFmtId="41" fontId="26" fillId="0" borderId="29" xfId="4" applyNumberFormat="1" applyFont="1" applyFill="1" applyBorder="1" applyAlignment="1">
      <alignment vertical="center" shrinkToFit="1"/>
    </xf>
    <xf numFmtId="41" fontId="26" fillId="0" borderId="2" xfId="4" applyNumberFormat="1" applyFont="1" applyFill="1" applyBorder="1" applyAlignment="1">
      <alignment vertical="center" shrinkToFit="1"/>
    </xf>
    <xf numFmtId="41" fontId="26" fillId="0" borderId="7" xfId="4" applyNumberFormat="1" applyFont="1" applyFill="1" applyBorder="1" applyAlignment="1">
      <alignment vertical="center" shrinkToFit="1"/>
    </xf>
    <xf numFmtId="178" fontId="26" fillId="0" borderId="1" xfId="4" applyNumberFormat="1" applyFont="1" applyFill="1" applyBorder="1" applyAlignment="1">
      <alignment vertical="center" shrinkToFit="1"/>
    </xf>
    <xf numFmtId="38" fontId="2" fillId="0" borderId="0" xfId="3" applyFont="1" applyFill="1" applyBorder="1" applyAlignment="1">
      <alignment horizontal="center" vertical="center"/>
    </xf>
    <xf numFmtId="38" fontId="2" fillId="0" borderId="11" xfId="3" applyFont="1" applyFill="1" applyBorder="1" applyAlignment="1">
      <alignment horizontal="center" vertical="center"/>
    </xf>
    <xf numFmtId="179" fontId="14" fillId="0" borderId="4" xfId="3" applyNumberFormat="1" applyFont="1" applyFill="1" applyBorder="1" applyAlignment="1">
      <alignment horizontal="center" vertical="center"/>
    </xf>
    <xf numFmtId="179" fontId="14" fillId="0" borderId="11" xfId="3" applyNumberFormat="1" applyFont="1" applyFill="1" applyBorder="1" applyAlignment="1">
      <alignment horizontal="center" vertical="center"/>
    </xf>
    <xf numFmtId="179" fontId="14" fillId="0" borderId="5" xfId="3" applyNumberFormat="1" applyFont="1" applyFill="1" applyBorder="1" applyAlignment="1">
      <alignment horizontal="center" vertical="center"/>
    </xf>
    <xf numFmtId="179" fontId="14" fillId="0" borderId="9" xfId="3" applyNumberFormat="1" applyFont="1" applyFill="1" applyBorder="1" applyAlignment="1">
      <alignment horizontal="center" vertical="center"/>
    </xf>
    <xf numFmtId="41" fontId="14" fillId="0" borderId="22" xfId="3" applyNumberFormat="1" applyFont="1" applyFill="1" applyBorder="1" applyAlignment="1">
      <alignment horizontal="center" vertical="center"/>
    </xf>
    <xf numFmtId="41" fontId="14" fillId="0" borderId="4" xfId="3" applyNumberFormat="1" applyFont="1" applyFill="1" applyBorder="1" applyAlignment="1">
      <alignment horizontal="center" vertical="center"/>
    </xf>
    <xf numFmtId="178" fontId="14" fillId="0" borderId="4" xfId="3" applyNumberFormat="1" applyFont="1" applyFill="1" applyBorder="1" applyAlignment="1">
      <alignment horizontal="center" vertical="center"/>
    </xf>
    <xf numFmtId="41" fontId="26" fillId="0" borderId="23" xfId="4" applyNumberFormat="1" applyFont="1" applyFill="1" applyBorder="1" applyAlignment="1">
      <alignment vertical="center"/>
    </xf>
    <xf numFmtId="0" fontId="25" fillId="0" borderId="0" xfId="4" applyFont="1" applyFill="1" applyAlignment="1">
      <alignment vertical="center"/>
    </xf>
    <xf numFmtId="38" fontId="14" fillId="0" borderId="0" xfId="3" applyFont="1" applyFill="1" applyBorder="1" applyAlignment="1">
      <alignment vertical="center"/>
    </xf>
    <xf numFmtId="38" fontId="14" fillId="0" borderId="0" xfId="3" applyFont="1" applyFill="1" applyBorder="1" applyAlignment="1">
      <alignment horizontal="center" vertical="center"/>
    </xf>
    <xf numFmtId="38" fontId="14" fillId="0" borderId="11" xfId="3" applyFont="1" applyFill="1" applyBorder="1" applyAlignment="1">
      <alignment horizontal="center" vertical="center"/>
    </xf>
    <xf numFmtId="38" fontId="14" fillId="0" borderId="5" xfId="3" applyFont="1" applyFill="1" applyBorder="1" applyAlignment="1">
      <alignment horizontal="center" vertical="center"/>
    </xf>
    <xf numFmtId="38" fontId="2" fillId="0" borderId="0" xfId="3" applyFont="1" applyFill="1" applyAlignment="1">
      <alignment horizontal="right" vertical="center"/>
    </xf>
    <xf numFmtId="38" fontId="14" fillId="0" borderId="0" xfId="3" applyFont="1" applyFill="1" applyAlignment="1">
      <alignment horizontal="right" vertical="center"/>
    </xf>
    <xf numFmtId="38" fontId="19" fillId="0" borderId="25" xfId="3" applyFont="1" applyFill="1" applyBorder="1" applyAlignment="1">
      <alignment horizontal="center" vertical="center" wrapText="1"/>
    </xf>
    <xf numFmtId="179" fontId="14" fillId="0" borderId="21" xfId="3" applyNumberFormat="1" applyFont="1" applyFill="1" applyBorder="1" applyAlignment="1">
      <alignment horizontal="center" vertical="center"/>
    </xf>
    <xf numFmtId="0" fontId="16" fillId="0" borderId="2" xfId="4" applyFont="1" applyFill="1" applyBorder="1" applyAlignment="1">
      <alignment vertical="center"/>
    </xf>
    <xf numFmtId="41" fontId="16" fillId="0" borderId="29" xfId="4" applyNumberFormat="1" applyFont="1" applyFill="1" applyBorder="1" applyAlignment="1">
      <alignment vertical="center"/>
    </xf>
    <xf numFmtId="41" fontId="16" fillId="0" borderId="2" xfId="4" applyNumberFormat="1" applyFont="1" applyFill="1" applyBorder="1" applyAlignment="1">
      <alignment vertical="center"/>
    </xf>
    <xf numFmtId="41" fontId="16" fillId="0" borderId="7" xfId="4" applyNumberFormat="1" applyFont="1" applyFill="1" applyBorder="1" applyAlignment="1">
      <alignment vertical="center"/>
    </xf>
    <xf numFmtId="38" fontId="14" fillId="0" borderId="0" xfId="3" applyFont="1" applyFill="1" applyBorder="1" applyAlignment="1">
      <alignment horizontal="right" vertical="center"/>
    </xf>
    <xf numFmtId="38" fontId="28" fillId="0" borderId="0" xfId="3" applyFont="1" applyFill="1" applyAlignment="1">
      <alignment vertical="center"/>
    </xf>
    <xf numFmtId="38" fontId="27" fillId="0" borderId="0" xfId="3" applyFont="1" applyFill="1" applyAlignment="1">
      <alignment vertical="center"/>
    </xf>
    <xf numFmtId="38" fontId="27" fillId="0" borderId="0" xfId="3" applyFont="1" applyFill="1" applyBorder="1" applyAlignment="1">
      <alignment vertical="center"/>
    </xf>
    <xf numFmtId="0" fontId="16" fillId="0" borderId="6" xfId="4" applyFont="1" applyFill="1" applyBorder="1" applyAlignment="1">
      <alignment vertical="center"/>
    </xf>
    <xf numFmtId="38" fontId="29" fillId="0" borderId="0" xfId="3" applyFont="1" applyFill="1" applyAlignment="1">
      <alignment vertical="center"/>
    </xf>
    <xf numFmtId="0" fontId="18" fillId="0" borderId="8" xfId="4" applyFont="1" applyFill="1" applyBorder="1" applyAlignment="1">
      <alignment horizontal="left" vertical="center"/>
    </xf>
    <xf numFmtId="0" fontId="18" fillId="0" borderId="0" xfId="4" applyFont="1" applyFill="1" applyAlignment="1">
      <alignment vertical="center"/>
    </xf>
    <xf numFmtId="38" fontId="19" fillId="0" borderId="9" xfId="3" applyFont="1" applyFill="1" applyBorder="1" applyAlignment="1">
      <alignment vertical="center"/>
    </xf>
    <xf numFmtId="38" fontId="19" fillId="0" borderId="10" xfId="3" applyFont="1" applyFill="1" applyBorder="1" applyAlignment="1">
      <alignment horizontal="center" vertical="center"/>
    </xf>
    <xf numFmtId="38" fontId="19" fillId="0" borderId="21" xfId="3" applyFont="1" applyFill="1" applyBorder="1" applyAlignment="1">
      <alignment horizontal="center" vertical="center"/>
    </xf>
    <xf numFmtId="38" fontId="19" fillId="0" borderId="11" xfId="3" applyFont="1" applyFill="1" applyBorder="1" applyAlignment="1">
      <alignment horizontal="center" vertical="center"/>
    </xf>
    <xf numFmtId="38" fontId="19" fillId="0" borderId="32" xfId="3" applyFont="1" applyFill="1" applyBorder="1" applyAlignment="1">
      <alignment horizontal="center" vertical="center"/>
    </xf>
    <xf numFmtId="38" fontId="19" fillId="0" borderId="8" xfId="3" applyFont="1" applyFill="1" applyBorder="1" applyAlignment="1">
      <alignment horizontal="center" vertical="center" wrapText="1"/>
    </xf>
    <xf numFmtId="38" fontId="19" fillId="0" borderId="17" xfId="3" applyFont="1" applyFill="1" applyBorder="1" applyAlignment="1">
      <alignment horizontal="center" vertical="center"/>
    </xf>
    <xf numFmtId="41" fontId="19" fillId="0" borderId="20" xfId="3" applyNumberFormat="1" applyFont="1" applyFill="1" applyBorder="1" applyAlignment="1">
      <alignment horizontal="center" vertical="center"/>
    </xf>
    <xf numFmtId="38" fontId="14" fillId="0" borderId="28" xfId="3" applyFont="1" applyFill="1" applyBorder="1" applyAlignment="1">
      <alignment horizontal="center" vertical="center"/>
    </xf>
    <xf numFmtId="41" fontId="14" fillId="0" borderId="0" xfId="3" applyNumberFormat="1" applyFont="1" applyFill="1" applyBorder="1" applyAlignment="1">
      <alignment horizontal="center" vertical="center"/>
    </xf>
    <xf numFmtId="38" fontId="30" fillId="0" borderId="0" xfId="3" applyFont="1" applyFill="1" applyAlignment="1">
      <alignment vertical="center"/>
    </xf>
    <xf numFmtId="38" fontId="32" fillId="0" borderId="0" xfId="3" applyFont="1" applyFill="1" applyAlignment="1">
      <alignment vertical="center"/>
    </xf>
    <xf numFmtId="38" fontId="32" fillId="0" borderId="1" xfId="3" applyFont="1" applyFill="1" applyBorder="1" applyAlignment="1">
      <alignment vertical="center"/>
    </xf>
    <xf numFmtId="0" fontId="26" fillId="0" borderId="0" xfId="4" applyFont="1" applyFill="1" applyAlignment="1">
      <alignment vertical="center"/>
    </xf>
    <xf numFmtId="0" fontId="34" fillId="0" borderId="1" xfId="4" applyFont="1" applyFill="1" applyBorder="1" applyAlignment="1">
      <alignment vertical="center"/>
    </xf>
    <xf numFmtId="0" fontId="26" fillId="0" borderId="7" xfId="4" applyFont="1" applyFill="1" applyBorder="1" applyAlignment="1">
      <alignment vertical="center"/>
    </xf>
    <xf numFmtId="179" fontId="26" fillId="0" borderId="31" xfId="4" applyNumberFormat="1" applyFont="1" applyFill="1" applyBorder="1" applyAlignment="1">
      <alignment vertical="center"/>
    </xf>
    <xf numFmtId="41" fontId="26" fillId="0" borderId="1" xfId="4" applyNumberFormat="1" applyFont="1" applyFill="1" applyBorder="1" applyAlignment="1">
      <alignment vertical="center"/>
    </xf>
    <xf numFmtId="0" fontId="34" fillId="0" borderId="0" xfId="4" applyFont="1" applyFill="1" applyAlignment="1">
      <alignment vertical="center"/>
    </xf>
    <xf numFmtId="38" fontId="32" fillId="0" borderId="0" xfId="3" applyFont="1" applyFill="1" applyBorder="1" applyAlignment="1">
      <alignment vertical="center"/>
    </xf>
    <xf numFmtId="41" fontId="26" fillId="0" borderId="6" xfId="4" applyNumberFormat="1" applyFont="1" applyFill="1" applyBorder="1" applyAlignment="1">
      <alignment vertical="center"/>
    </xf>
    <xf numFmtId="0" fontId="16" fillId="0" borderId="0" xfId="4" applyFont="1" applyFill="1" applyAlignment="1">
      <alignment horizontal="center" vertical="center"/>
    </xf>
    <xf numFmtId="0" fontId="26" fillId="0" borderId="0" xfId="4" applyFont="1" applyFill="1" applyAlignment="1">
      <alignment horizontal="center" vertical="center"/>
    </xf>
    <xf numFmtId="41" fontId="19" fillId="0" borderId="20" xfId="3" applyNumberFormat="1" applyFont="1" applyFill="1" applyBorder="1" applyAlignment="1">
      <alignment horizontal="left" vertical="center"/>
    </xf>
    <xf numFmtId="0" fontId="21" fillId="0" borderId="4" xfId="4" applyFont="1" applyFill="1" applyBorder="1" applyAlignment="1">
      <alignment horizontal="distributed" vertical="center" shrinkToFit="1"/>
    </xf>
    <xf numFmtId="38" fontId="2" fillId="0" borderId="0" xfId="3" applyFont="1" applyFill="1" applyBorder="1" applyAlignment="1">
      <alignment horizontal="center" vertical="center" shrinkToFit="1"/>
    </xf>
    <xf numFmtId="38" fontId="2" fillId="0" borderId="5" xfId="3" applyFont="1" applyFill="1" applyBorder="1" applyAlignment="1">
      <alignment horizontal="center" vertical="center" shrinkToFit="1"/>
    </xf>
    <xf numFmtId="41" fontId="26" fillId="0" borderId="23" xfId="4" applyNumberFormat="1" applyFont="1" applyFill="1" applyBorder="1" applyAlignment="1">
      <alignment vertical="center" shrinkToFit="1"/>
    </xf>
    <xf numFmtId="178" fontId="14" fillId="0" borderId="4" xfId="3" applyNumberFormat="1" applyFont="1" applyFill="1" applyBorder="1" applyAlignment="1">
      <alignment horizontal="right" vertical="center" shrinkToFit="1"/>
    </xf>
    <xf numFmtId="180" fontId="14" fillId="0" borderId="0" xfId="3" applyNumberFormat="1" applyFont="1" applyFill="1" applyAlignment="1">
      <alignment horizontal="right" vertical="center" shrinkToFit="1"/>
    </xf>
    <xf numFmtId="49" fontId="2" fillId="0" borderId="5" xfId="3" applyNumberFormat="1" applyFont="1" applyFill="1" applyBorder="1" applyAlignment="1">
      <alignment horizontal="center" vertical="center" shrinkToFit="1"/>
    </xf>
    <xf numFmtId="49" fontId="14" fillId="0" borderId="3" xfId="3" applyNumberFormat="1" applyFont="1" applyFill="1" applyBorder="1" applyAlignment="1">
      <alignment horizontal="right" vertical="center" shrinkToFit="1"/>
    </xf>
    <xf numFmtId="38" fontId="19" fillId="0" borderId="5" xfId="3" applyFont="1" applyFill="1" applyBorder="1" applyAlignment="1">
      <alignment horizontal="center" vertical="center" shrinkToFit="1"/>
    </xf>
    <xf numFmtId="179" fontId="27" fillId="0" borderId="5" xfId="3" applyNumberFormat="1" applyFont="1" applyFill="1" applyBorder="1" applyAlignment="1">
      <alignment horizontal="right" vertical="center" shrinkToFit="1"/>
    </xf>
    <xf numFmtId="41" fontId="14" fillId="0" borderId="27" xfId="3" applyNumberFormat="1" applyFont="1" applyFill="1" applyBorder="1" applyAlignment="1">
      <alignment horizontal="right" vertical="center" shrinkToFit="1"/>
    </xf>
    <xf numFmtId="41" fontId="14" fillId="0" borderId="5" xfId="3" applyNumberFormat="1" applyFont="1" applyFill="1" applyBorder="1" applyAlignment="1">
      <alignment horizontal="right" vertical="center" shrinkToFit="1"/>
    </xf>
    <xf numFmtId="180" fontId="27" fillId="0" borderId="5" xfId="3" quotePrefix="1" applyNumberFormat="1" applyFont="1" applyFill="1" applyBorder="1" applyAlignment="1">
      <alignment horizontal="right" vertical="center" shrinkToFit="1"/>
    </xf>
    <xf numFmtId="38" fontId="2" fillId="0" borderId="1" xfId="3" applyFont="1" applyFill="1" applyBorder="1" applyAlignment="1">
      <alignment horizontal="distributed" vertical="center" shrinkToFit="1"/>
    </xf>
    <xf numFmtId="38" fontId="2" fillId="0" borderId="7" xfId="3" applyFont="1" applyFill="1" applyBorder="1" applyAlignment="1">
      <alignment horizontal="center" vertical="center" shrinkToFit="1"/>
    </xf>
    <xf numFmtId="182" fontId="2" fillId="0" borderId="7" xfId="4" applyNumberFormat="1" applyFont="1" applyFill="1" applyBorder="1" applyAlignment="1">
      <alignment horizontal="right" vertical="center" shrinkToFit="1"/>
    </xf>
    <xf numFmtId="183" fontId="2" fillId="0" borderId="1" xfId="4" applyNumberFormat="1" applyFont="1" applyFill="1" applyBorder="1" applyAlignment="1">
      <alignment horizontal="right" vertical="center" shrinkToFit="1"/>
    </xf>
    <xf numFmtId="183" fontId="2" fillId="0" borderId="7" xfId="4" applyNumberFormat="1" applyFont="1" applyFill="1" applyBorder="1" applyAlignment="1">
      <alignment horizontal="right" vertical="center" shrinkToFit="1"/>
    </xf>
    <xf numFmtId="38" fontId="2" fillId="0" borderId="1" xfId="3" applyFont="1" applyFill="1" applyBorder="1" applyAlignment="1">
      <alignment horizontal="right" vertical="center" shrinkToFit="1"/>
    </xf>
    <xf numFmtId="38" fontId="2" fillId="0" borderId="6" xfId="3" applyFont="1" applyFill="1" applyBorder="1" applyAlignment="1">
      <alignment horizontal="right" vertical="center" shrinkToFit="1"/>
    </xf>
    <xf numFmtId="41" fontId="2" fillId="0" borderId="23" xfId="3" applyNumberFormat="1" applyFont="1" applyFill="1" applyBorder="1" applyAlignment="1">
      <alignment horizontal="right" vertical="center" shrinkToFit="1"/>
    </xf>
    <xf numFmtId="41" fontId="2" fillId="0" borderId="7" xfId="3" applyNumberFormat="1" applyFont="1" applyFill="1" applyBorder="1" applyAlignment="1">
      <alignment horizontal="right" vertical="center" shrinkToFit="1"/>
    </xf>
    <xf numFmtId="41" fontId="2" fillId="0" borderId="6" xfId="3" applyNumberFormat="1" applyFont="1" applyFill="1" applyBorder="1" applyAlignment="1">
      <alignment horizontal="right" vertical="center" shrinkToFit="1"/>
    </xf>
    <xf numFmtId="0" fontId="15" fillId="0" borderId="0" xfId="4" applyFont="1" applyFill="1" applyBorder="1" applyAlignment="1">
      <alignment horizontal="distributed" vertical="center" shrinkToFit="1"/>
    </xf>
    <xf numFmtId="0" fontId="15" fillId="0" borderId="4" xfId="4" applyFont="1" applyFill="1" applyBorder="1" applyAlignment="1">
      <alignment horizontal="distributed" vertical="center" shrinkToFit="1"/>
    </xf>
    <xf numFmtId="38" fontId="14" fillId="0" borderId="0" xfId="3" applyFont="1" applyFill="1" applyAlignment="1">
      <alignment horizontal="center" vertical="center" shrinkToFit="1"/>
    </xf>
    <xf numFmtId="49" fontId="14" fillId="0" borderId="5" xfId="3" applyNumberFormat="1" applyFont="1" applyFill="1" applyBorder="1" applyAlignment="1">
      <alignment horizontal="center" vertical="center" shrinkToFit="1"/>
    </xf>
    <xf numFmtId="38" fontId="14" fillId="0" borderId="5" xfId="3" applyFont="1" applyFill="1" applyBorder="1" applyAlignment="1">
      <alignment horizontal="center" vertical="center" shrinkToFit="1"/>
    </xf>
    <xf numFmtId="38" fontId="14" fillId="0" borderId="1" xfId="3" applyFont="1" applyFill="1" applyBorder="1" applyAlignment="1">
      <alignment horizontal="center" vertical="center" shrinkToFit="1"/>
    </xf>
    <xf numFmtId="38" fontId="14" fillId="0" borderId="7" xfId="3" applyFont="1" applyFill="1" applyBorder="1" applyAlignment="1">
      <alignment horizontal="center" vertical="center" shrinkToFit="1"/>
    </xf>
    <xf numFmtId="38" fontId="14" fillId="0" borderId="0" xfId="3" applyFont="1" applyFill="1" applyAlignment="1">
      <alignment horizontal="right" vertical="center" shrinkToFit="1"/>
    </xf>
    <xf numFmtId="38" fontId="14" fillId="0" borderId="5" xfId="3" quotePrefix="1" applyFont="1" applyFill="1" applyBorder="1" applyAlignment="1">
      <alignment horizontal="center" vertical="center" shrinkToFit="1"/>
    </xf>
    <xf numFmtId="179" fontId="14" fillId="0" borderId="0" xfId="3" quotePrefix="1" applyNumberFormat="1" applyFont="1" applyFill="1" applyAlignment="1">
      <alignment horizontal="right" vertical="center" shrinkToFit="1"/>
    </xf>
    <xf numFmtId="180" fontId="14" fillId="0" borderId="0" xfId="3" quotePrefix="1" applyNumberFormat="1" applyFont="1" applyFill="1" applyAlignment="1">
      <alignment horizontal="right" vertical="center" shrinkToFit="1"/>
    </xf>
    <xf numFmtId="49" fontId="14" fillId="0" borderId="4" xfId="3" applyNumberFormat="1" applyFont="1" applyFill="1" applyBorder="1" applyAlignment="1">
      <alignment horizontal="center" vertical="center" shrinkToFit="1"/>
    </xf>
    <xf numFmtId="49" fontId="14" fillId="0" borderId="4" xfId="4" applyNumberFormat="1" applyFont="1" applyFill="1" applyBorder="1" applyAlignment="1">
      <alignment horizontal="center" shrinkToFit="1"/>
    </xf>
    <xf numFmtId="184" fontId="14" fillId="0" borderId="0" xfId="3" applyNumberFormat="1" applyFont="1" applyFill="1" applyAlignment="1">
      <alignment horizontal="right" vertical="center" shrinkToFit="1"/>
    </xf>
    <xf numFmtId="38" fontId="20" fillId="0" borderId="0" xfId="3" applyFont="1" applyFill="1" applyAlignment="1">
      <alignment vertical="center" shrinkToFit="1"/>
    </xf>
    <xf numFmtId="180" fontId="14" fillId="0" borderId="5" xfId="3" applyNumberFormat="1" applyFont="1" applyFill="1" applyBorder="1" applyAlignment="1">
      <alignment horizontal="right" vertical="center" shrinkToFit="1"/>
    </xf>
    <xf numFmtId="38" fontId="14" fillId="0" borderId="5" xfId="3" quotePrefix="1" applyFont="1" applyFill="1" applyBorder="1" applyAlignment="1">
      <alignment vertical="center" shrinkToFit="1"/>
    </xf>
    <xf numFmtId="179" fontId="14" fillId="0" borderId="28" xfId="3" applyNumberFormat="1" applyFont="1" applyFill="1" applyBorder="1" applyAlignment="1">
      <alignment vertical="center" shrinkToFit="1"/>
    </xf>
    <xf numFmtId="49" fontId="14" fillId="0" borderId="7" xfId="3" applyNumberFormat="1" applyFont="1" applyFill="1" applyBorder="1" applyAlignment="1">
      <alignment horizontal="center" vertical="center" shrinkToFit="1"/>
    </xf>
    <xf numFmtId="49" fontId="14" fillId="0" borderId="7" xfId="3" applyNumberFormat="1" applyFont="1" applyFill="1" applyBorder="1" applyAlignment="1">
      <alignment horizontal="right" vertical="center" shrinkToFit="1"/>
    </xf>
    <xf numFmtId="49" fontId="14" fillId="0" borderId="5" xfId="3" quotePrefix="1" applyNumberFormat="1" applyFont="1" applyFill="1" applyBorder="1" applyAlignment="1">
      <alignment vertical="center" shrinkToFit="1"/>
    </xf>
    <xf numFmtId="179" fontId="14" fillId="0" borderId="31" xfId="3" applyNumberFormat="1" applyFont="1" applyFill="1" applyBorder="1" applyAlignment="1">
      <alignment horizontal="right" vertical="center" shrinkToFit="1"/>
    </xf>
    <xf numFmtId="41" fontId="14" fillId="0" borderId="4" xfId="3" quotePrefix="1" applyNumberFormat="1" applyFont="1" applyFill="1" applyBorder="1" applyAlignment="1">
      <alignment horizontal="right" vertical="center" shrinkToFit="1"/>
    </xf>
    <xf numFmtId="41" fontId="27" fillId="0" borderId="4" xfId="3" quotePrefix="1" applyNumberFormat="1" applyFont="1" applyFill="1" applyBorder="1" applyAlignment="1">
      <alignment horizontal="right" vertical="center" shrinkToFit="1"/>
    </xf>
    <xf numFmtId="38" fontId="14" fillId="0" borderId="6" xfId="3" applyFont="1" applyFill="1" applyBorder="1" applyAlignment="1">
      <alignment horizontal="center" vertical="center" shrinkToFit="1"/>
    </xf>
    <xf numFmtId="41" fontId="14" fillId="0" borderId="6" xfId="3" quotePrefix="1" applyNumberFormat="1" applyFont="1" applyFill="1" applyBorder="1" applyAlignment="1">
      <alignment horizontal="right" vertical="center" shrinkToFit="1"/>
    </xf>
    <xf numFmtId="181" fontId="14" fillId="0" borderId="5" xfId="3" applyNumberFormat="1" applyFont="1" applyFill="1" applyBorder="1" applyAlignment="1">
      <alignment horizontal="right" vertical="center" shrinkToFit="1"/>
    </xf>
    <xf numFmtId="181" fontId="14" fillId="0" borderId="0" xfId="3" applyNumberFormat="1" applyFont="1" applyFill="1" applyAlignment="1">
      <alignment horizontal="right" vertical="center" shrinkToFit="1"/>
    </xf>
    <xf numFmtId="181" fontId="14" fillId="0" borderId="3" xfId="3" applyNumberFormat="1" applyFont="1" applyFill="1" applyBorder="1" applyAlignment="1">
      <alignment horizontal="right" vertical="center" shrinkToFit="1"/>
    </xf>
    <xf numFmtId="181" fontId="14" fillId="0" borderId="0" xfId="3" applyNumberFormat="1" applyFont="1" applyFill="1" applyBorder="1" applyAlignment="1">
      <alignment horizontal="right" vertical="center" shrinkToFit="1"/>
    </xf>
    <xf numFmtId="181" fontId="14" fillId="0" borderId="4" xfId="3" applyNumberFormat="1" applyFont="1" applyFill="1" applyBorder="1" applyAlignment="1">
      <alignment horizontal="right" vertical="center" shrinkToFit="1"/>
    </xf>
    <xf numFmtId="38" fontId="14" fillId="0" borderId="0" xfId="3" applyFont="1" applyFill="1" applyBorder="1" applyAlignment="1">
      <alignment horizontal="center" vertical="center" shrinkToFit="1"/>
    </xf>
    <xf numFmtId="179" fontId="15" fillId="0" borderId="28" xfId="3" applyNumberFormat="1" applyFont="1" applyFill="1" applyBorder="1" applyAlignment="1">
      <alignment horizontal="right" vertical="center" shrinkToFit="1"/>
    </xf>
    <xf numFmtId="41" fontId="15" fillId="0" borderId="5" xfId="3" applyNumberFormat="1" applyFont="1" applyFill="1" applyBorder="1" applyAlignment="1">
      <alignment vertical="center" shrinkToFit="1"/>
    </xf>
    <xf numFmtId="178" fontId="15" fillId="0" borderId="0" xfId="3" applyNumberFormat="1" applyFont="1" applyFill="1" applyBorder="1" applyAlignment="1">
      <alignment vertical="center" shrinkToFit="1"/>
    </xf>
    <xf numFmtId="179" fontId="14" fillId="0" borderId="5" xfId="3" applyNumberFormat="1" applyFont="1" applyFill="1" applyBorder="1" applyAlignment="1">
      <alignment horizontal="center" vertical="center" shrinkToFit="1"/>
    </xf>
    <xf numFmtId="41" fontId="14" fillId="0" borderId="22" xfId="3" applyNumberFormat="1" applyFont="1" applyFill="1" applyBorder="1" applyAlignment="1">
      <alignment horizontal="center" vertical="center" shrinkToFit="1"/>
    </xf>
    <xf numFmtId="41" fontId="14" fillId="0" borderId="4" xfId="3" applyNumberFormat="1" applyFont="1" applyFill="1" applyBorder="1" applyAlignment="1">
      <alignment horizontal="center" vertical="center" shrinkToFit="1"/>
    </xf>
    <xf numFmtId="38" fontId="20" fillId="0" borderId="0" xfId="3" applyFont="1" applyFill="1" applyBorder="1" applyAlignment="1">
      <alignment horizontal="right" vertical="center" shrinkToFit="1"/>
    </xf>
    <xf numFmtId="38" fontId="14" fillId="0" borderId="0" xfId="3" applyFont="1" applyFill="1" applyBorder="1" applyAlignment="1">
      <alignment horizontal="right" vertical="center" shrinkToFit="1"/>
    </xf>
    <xf numFmtId="49" fontId="14" fillId="0" borderId="4" xfId="3" quotePrefix="1" applyNumberFormat="1" applyFont="1" applyFill="1" applyBorder="1" applyAlignment="1">
      <alignment horizontal="right" vertical="center" shrinkToFit="1"/>
    </xf>
    <xf numFmtId="178" fontId="27" fillId="0" borderId="4" xfId="3" applyNumberFormat="1" applyFont="1" applyFill="1" applyBorder="1" applyAlignment="1">
      <alignment horizontal="right" vertical="center" shrinkToFit="1"/>
    </xf>
    <xf numFmtId="180" fontId="14" fillId="0" borderId="0" xfId="3" applyNumberFormat="1" applyFont="1" applyFill="1" applyBorder="1" applyAlignment="1">
      <alignment horizontal="right" vertical="center" shrinkToFit="1"/>
    </xf>
    <xf numFmtId="49" fontId="19" fillId="0" borderId="4" xfId="3" applyNumberFormat="1" applyFont="1" applyFill="1" applyBorder="1" applyAlignment="1">
      <alignment horizontal="center" vertical="center" shrinkToFit="1"/>
    </xf>
    <xf numFmtId="38" fontId="19" fillId="0" borderId="6" xfId="3" applyFont="1" applyFill="1" applyBorder="1" applyAlignment="1">
      <alignment horizontal="center" vertical="center" shrinkToFit="1"/>
    </xf>
    <xf numFmtId="181" fontId="14" fillId="0" borderId="7" xfId="3" applyNumberFormat="1" applyFont="1" applyFill="1" applyBorder="1" applyAlignment="1">
      <alignment horizontal="right" vertical="center" shrinkToFit="1"/>
    </xf>
    <xf numFmtId="49" fontId="14" fillId="0" borderId="6" xfId="3" applyNumberFormat="1" applyFont="1" applyFill="1" applyBorder="1" applyAlignment="1">
      <alignment horizontal="right" vertical="center" shrinkToFit="1"/>
    </xf>
    <xf numFmtId="178" fontId="14" fillId="0" borderId="4" xfId="3" applyNumberFormat="1" applyFont="1" applyFill="1" applyBorder="1" applyAlignment="1">
      <alignment shrinkToFit="1"/>
    </xf>
    <xf numFmtId="38" fontId="14" fillId="0" borderId="0" xfId="3" applyFont="1" applyFill="1" applyBorder="1" applyAlignment="1">
      <alignment horizontal="distributed" vertical="center" shrinkToFit="1"/>
    </xf>
    <xf numFmtId="0" fontId="16" fillId="0" borderId="6" xfId="4" applyFont="1" applyFill="1" applyBorder="1" applyAlignment="1">
      <alignment vertical="center" shrinkToFit="1"/>
    </xf>
    <xf numFmtId="179" fontId="26" fillId="0" borderId="7" xfId="3" applyNumberFormat="1" applyFont="1" applyFill="1" applyBorder="1" applyAlignment="1">
      <alignment vertical="center" shrinkToFit="1"/>
    </xf>
    <xf numFmtId="179" fontId="26" fillId="0" borderId="1" xfId="3" applyNumberFormat="1" applyFont="1" applyFill="1" applyBorder="1" applyAlignment="1">
      <alignment vertical="center" shrinkToFit="1"/>
    </xf>
    <xf numFmtId="179" fontId="26" fillId="0" borderId="2" xfId="3" applyNumberFormat="1" applyFont="1" applyFill="1" applyBorder="1" applyAlignment="1">
      <alignment vertical="center" shrinkToFit="1"/>
    </xf>
    <xf numFmtId="41" fontId="26" fillId="0" borderId="23" xfId="3" applyNumberFormat="1" applyFont="1" applyFill="1" applyBorder="1" applyAlignment="1">
      <alignment vertical="center" shrinkToFit="1"/>
    </xf>
    <xf numFmtId="41" fontId="26" fillId="0" borderId="7" xfId="3" applyNumberFormat="1" applyFont="1" applyFill="1" applyBorder="1" applyAlignment="1">
      <alignment vertical="center" shrinkToFit="1"/>
    </xf>
    <xf numFmtId="178" fontId="26" fillId="0" borderId="1" xfId="3" applyNumberFormat="1" applyFont="1" applyFill="1" applyBorder="1" applyAlignment="1">
      <alignment vertical="center" shrinkToFit="1"/>
    </xf>
    <xf numFmtId="179" fontId="27" fillId="0" borderId="4" xfId="3" applyNumberFormat="1" applyFont="1" applyFill="1" applyBorder="1" applyAlignment="1">
      <alignment vertical="center" shrinkToFit="1"/>
    </xf>
    <xf numFmtId="179" fontId="27" fillId="0" borderId="5" xfId="3" applyNumberFormat="1" applyFont="1" applyFill="1" applyBorder="1" applyAlignment="1">
      <alignment vertical="center" shrinkToFit="1"/>
    </xf>
    <xf numFmtId="179" fontId="27" fillId="0" borderId="0" xfId="3" applyNumberFormat="1" applyFont="1" applyFill="1" applyBorder="1" applyAlignment="1">
      <alignment horizontal="right" vertical="center" shrinkToFit="1"/>
    </xf>
    <xf numFmtId="179" fontId="27" fillId="0" borderId="4" xfId="3" applyNumberFormat="1" applyFont="1" applyFill="1" applyBorder="1" applyAlignment="1">
      <alignment horizontal="right" vertical="center" shrinkToFit="1"/>
    </xf>
    <xf numFmtId="41" fontId="27" fillId="0" borderId="22" xfId="3" applyNumberFormat="1" applyFont="1" applyFill="1" applyBorder="1" applyAlignment="1">
      <alignment vertical="center" shrinkToFit="1"/>
    </xf>
    <xf numFmtId="41" fontId="27" fillId="0" borderId="5" xfId="3" applyNumberFormat="1" applyFont="1" applyFill="1" applyBorder="1" applyAlignment="1">
      <alignment vertical="center" shrinkToFit="1"/>
    </xf>
    <xf numFmtId="178" fontId="27" fillId="0" borderId="4" xfId="3" applyNumberFormat="1" applyFont="1" applyFill="1" applyBorder="1" applyAlignment="1">
      <alignment vertical="center" shrinkToFit="1"/>
    </xf>
    <xf numFmtId="181" fontId="27" fillId="0" borderId="4" xfId="3" applyNumberFormat="1" applyFont="1" applyFill="1" applyBorder="1" applyAlignment="1">
      <alignment vertical="center" shrinkToFit="1"/>
    </xf>
    <xf numFmtId="181" fontId="27" fillId="0" borderId="5" xfId="3" applyNumberFormat="1" applyFont="1" applyFill="1" applyBorder="1" applyAlignment="1">
      <alignment vertical="center" shrinkToFit="1"/>
    </xf>
    <xf numFmtId="181" fontId="27" fillId="0" borderId="0" xfId="3" applyNumberFormat="1" applyFont="1" applyFill="1" applyBorder="1" applyAlignment="1">
      <alignment horizontal="right" vertical="center" shrinkToFit="1"/>
    </xf>
    <xf numFmtId="181" fontId="27" fillId="0" borderId="4" xfId="3" applyNumberFormat="1" applyFont="1" applyFill="1" applyBorder="1" applyAlignment="1">
      <alignment horizontal="right" vertical="center" shrinkToFit="1"/>
    </xf>
    <xf numFmtId="41" fontId="27" fillId="0" borderId="4" xfId="3" applyNumberFormat="1" applyFont="1" applyFill="1" applyBorder="1" applyAlignment="1">
      <alignment vertical="center" shrinkToFit="1"/>
    </xf>
    <xf numFmtId="181" fontId="27" fillId="0" borderId="6" xfId="3" applyNumberFormat="1" applyFont="1" applyFill="1" applyBorder="1" applyAlignment="1">
      <alignment vertical="center" shrinkToFit="1"/>
    </xf>
    <xf numFmtId="181" fontId="27" fillId="0" borderId="7" xfId="3" applyNumberFormat="1" applyFont="1" applyFill="1" applyBorder="1" applyAlignment="1">
      <alignment vertical="center" shrinkToFit="1"/>
    </xf>
    <xf numFmtId="181" fontId="27" fillId="0" borderId="1" xfId="3" applyNumberFormat="1" applyFont="1" applyFill="1" applyBorder="1" applyAlignment="1">
      <alignment horizontal="right" vertical="center" shrinkToFit="1"/>
    </xf>
    <xf numFmtId="181" fontId="27" fillId="0" borderId="6" xfId="3" applyNumberFormat="1" applyFont="1" applyFill="1" applyBorder="1" applyAlignment="1">
      <alignment horizontal="right" vertical="center" shrinkToFit="1"/>
    </xf>
    <xf numFmtId="41" fontId="27" fillId="0" borderId="23" xfId="3" applyNumberFormat="1" applyFont="1" applyFill="1" applyBorder="1" applyAlignment="1">
      <alignment vertical="center" shrinkToFit="1"/>
    </xf>
    <xf numFmtId="41" fontId="27" fillId="0" borderId="7" xfId="3" applyNumberFormat="1" applyFont="1" applyFill="1" applyBorder="1" applyAlignment="1">
      <alignment vertical="center" shrinkToFit="1"/>
    </xf>
    <xf numFmtId="41" fontId="27" fillId="0" borderId="6" xfId="3" quotePrefix="1" applyNumberFormat="1" applyFont="1" applyFill="1" applyBorder="1" applyAlignment="1">
      <alignment horizontal="right" vertical="center" shrinkToFit="1"/>
    </xf>
    <xf numFmtId="178" fontId="27" fillId="0" borderId="6" xfId="3" applyNumberFormat="1" applyFont="1" applyFill="1" applyBorder="1" applyAlignment="1">
      <alignment vertical="center" shrinkToFit="1"/>
    </xf>
    <xf numFmtId="0" fontId="15" fillId="0" borderId="5" xfId="4" applyFont="1" applyFill="1" applyBorder="1" applyAlignment="1">
      <alignment horizontal="distributed" vertical="center" shrinkToFit="1"/>
    </xf>
    <xf numFmtId="38" fontId="19" fillId="0" borderId="5" xfId="3" quotePrefix="1" applyFont="1" applyFill="1" applyBorder="1" applyAlignment="1">
      <alignment horizontal="center" vertical="center" shrinkToFit="1"/>
    </xf>
    <xf numFmtId="180" fontId="14" fillId="0" borderId="4" xfId="3" quotePrefix="1" applyNumberFormat="1" applyFont="1" applyFill="1" applyBorder="1" applyAlignment="1">
      <alignment horizontal="right" vertical="center" shrinkToFit="1"/>
    </xf>
    <xf numFmtId="181" fontId="27" fillId="0" borderId="5" xfId="3" applyNumberFormat="1" applyFont="1" applyFill="1" applyBorder="1" applyAlignment="1">
      <alignment horizontal="right" vertical="center" shrinkToFit="1"/>
    </xf>
    <xf numFmtId="181" fontId="14" fillId="0" borderId="4" xfId="3" applyNumberFormat="1" applyFont="1" applyFill="1" applyBorder="1" applyAlignment="1">
      <alignment vertical="center" shrinkToFit="1"/>
    </xf>
    <xf numFmtId="181" fontId="14" fillId="0" borderId="5" xfId="3" applyNumberFormat="1" applyFont="1" applyFill="1" applyBorder="1" applyAlignment="1">
      <alignment vertical="center" shrinkToFit="1"/>
    </xf>
    <xf numFmtId="41" fontId="14" fillId="0" borderId="27" xfId="3" quotePrefix="1" applyNumberFormat="1" applyFont="1" applyFill="1" applyBorder="1" applyAlignment="1">
      <alignment horizontal="right" vertical="center" shrinkToFit="1"/>
    </xf>
    <xf numFmtId="41" fontId="14" fillId="0" borderId="5" xfId="3" quotePrefix="1" applyNumberFormat="1" applyFont="1" applyFill="1" applyBorder="1" applyAlignment="1">
      <alignment horizontal="right" vertical="center" shrinkToFit="1"/>
    </xf>
    <xf numFmtId="38" fontId="19" fillId="0" borderId="5" xfId="3" applyFont="1" applyFill="1" applyBorder="1" applyAlignment="1">
      <alignment horizontal="right" vertical="center" shrinkToFit="1"/>
    </xf>
    <xf numFmtId="181" fontId="27" fillId="0" borderId="7" xfId="3" applyNumberFormat="1" applyFont="1" applyFill="1" applyBorder="1" applyAlignment="1">
      <alignment horizontal="right" vertical="center" shrinkToFit="1"/>
    </xf>
    <xf numFmtId="41" fontId="14" fillId="0" borderId="23" xfId="3" applyNumberFormat="1" applyFont="1" applyFill="1" applyBorder="1" applyAlignment="1">
      <alignment horizontal="right" vertical="center" shrinkToFit="1"/>
    </xf>
    <xf numFmtId="178" fontId="14" fillId="0" borderId="6" xfId="3" quotePrefix="1" applyNumberFormat="1" applyFont="1" applyFill="1" applyBorder="1" applyAlignment="1">
      <alignment horizontal="right" vertical="center" shrinkToFit="1"/>
    </xf>
    <xf numFmtId="42" fontId="14" fillId="0" borderId="4" xfId="3" applyNumberFormat="1" applyFont="1" applyFill="1" applyBorder="1" applyAlignment="1">
      <alignment horizontal="right" vertical="center" shrinkToFit="1"/>
    </xf>
    <xf numFmtId="0" fontId="8" fillId="0" borderId="0" xfId="2" applyFont="1" applyAlignment="1">
      <alignment horizontal="center" vertical="center"/>
    </xf>
    <xf numFmtId="38" fontId="30" fillId="0" borderId="0" xfId="3" applyFont="1" applyFill="1" applyBorder="1" applyAlignment="1">
      <alignment horizontal="distributed" vertical="center" shrinkToFit="1"/>
    </xf>
    <xf numFmtId="179" fontId="15" fillId="0" borderId="0" xfId="3" applyNumberFormat="1" applyFont="1" applyFill="1" applyBorder="1" applyAlignment="1">
      <alignment horizontal="right" vertical="center" shrinkToFit="1"/>
    </xf>
    <xf numFmtId="41" fontId="15" fillId="0" borderId="0" xfId="3" applyNumberFormat="1" applyFont="1" applyFill="1" applyBorder="1" applyAlignment="1">
      <alignment horizontal="right" vertical="center" shrinkToFit="1"/>
    </xf>
    <xf numFmtId="38" fontId="19" fillId="0" borderId="0" xfId="3" applyFont="1" applyFill="1" applyAlignment="1">
      <alignment horizontal="distributed" vertical="center" shrinkToFit="1"/>
    </xf>
    <xf numFmtId="38" fontId="19" fillId="0" borderId="0" xfId="3" applyFont="1" applyFill="1" applyBorder="1" applyAlignment="1">
      <alignment horizontal="center" vertical="center" shrinkToFit="1"/>
    </xf>
    <xf numFmtId="38" fontId="32" fillId="0" borderId="0" xfId="3" applyFont="1" applyFill="1" applyAlignment="1">
      <alignment horizontal="center" vertical="center" shrinkToFit="1"/>
    </xf>
    <xf numFmtId="41" fontId="14" fillId="0" borderId="0" xfId="3" applyNumberFormat="1" applyFont="1" applyFill="1" applyBorder="1" applyAlignment="1">
      <alignment horizontal="right" vertical="center" shrinkToFit="1"/>
    </xf>
    <xf numFmtId="38" fontId="19" fillId="0" borderId="1" xfId="3" applyFont="1" applyFill="1" applyBorder="1" applyAlignment="1">
      <alignment horizontal="distributed" vertical="center" shrinkToFit="1"/>
    </xf>
    <xf numFmtId="38" fontId="19" fillId="0" borderId="1" xfId="3" applyFont="1" applyFill="1" applyBorder="1" applyAlignment="1">
      <alignment horizontal="center" vertical="center" shrinkToFit="1"/>
    </xf>
    <xf numFmtId="38" fontId="32" fillId="0" borderId="1" xfId="3" applyFont="1" applyFill="1" applyBorder="1" applyAlignment="1">
      <alignment horizontal="center" vertical="center" shrinkToFit="1"/>
    </xf>
    <xf numFmtId="41" fontId="14" fillId="0" borderId="1" xfId="3" applyNumberFormat="1" applyFont="1" applyFill="1" applyBorder="1" applyAlignment="1">
      <alignment horizontal="right" vertical="center" shrinkToFit="1"/>
    </xf>
    <xf numFmtId="0" fontId="33" fillId="0" borderId="0" xfId="4" applyFont="1" applyFill="1" applyBorder="1" applyAlignment="1">
      <alignment horizontal="distributed" vertical="center" shrinkToFit="1"/>
    </xf>
    <xf numFmtId="38" fontId="19" fillId="0" borderId="0" xfId="3" applyFont="1" applyFill="1" applyBorder="1" applyAlignment="1">
      <alignment horizontal="distributed" vertical="center" shrinkToFit="1"/>
    </xf>
    <xf numFmtId="38" fontId="32" fillId="0" borderId="0" xfId="3" applyFont="1" applyFill="1" applyBorder="1" applyAlignment="1">
      <alignment horizontal="center" vertical="center" shrinkToFit="1"/>
    </xf>
    <xf numFmtId="0" fontId="34" fillId="0" borderId="1" xfId="4" applyFont="1" applyFill="1" applyBorder="1" applyAlignment="1">
      <alignment vertical="center" shrinkToFit="1"/>
    </xf>
    <xf numFmtId="0" fontId="26" fillId="0" borderId="7" xfId="4" applyFont="1" applyFill="1" applyBorder="1" applyAlignment="1">
      <alignment vertical="center" shrinkToFit="1"/>
    </xf>
    <xf numFmtId="179" fontId="26" fillId="0" borderId="31" xfId="4" applyNumberFormat="1" applyFont="1" applyFill="1" applyBorder="1" applyAlignment="1">
      <alignment vertical="center" shrinkToFit="1"/>
    </xf>
    <xf numFmtId="41" fontId="26" fillId="0" borderId="1" xfId="4" applyNumberFormat="1" applyFont="1" applyFill="1" applyBorder="1" applyAlignment="1">
      <alignment vertical="center" shrinkToFit="1"/>
    </xf>
    <xf numFmtId="41" fontId="14" fillId="0" borderId="0" xfId="3" applyNumberFormat="1" applyFont="1" applyFill="1" applyBorder="1" applyAlignment="1">
      <alignment vertical="center" shrinkToFit="1"/>
    </xf>
    <xf numFmtId="38" fontId="15" fillId="0" borderId="4" xfId="3" applyFont="1" applyFill="1" applyBorder="1" applyAlignment="1">
      <alignment horizontal="center" vertical="center" shrinkToFit="1"/>
    </xf>
    <xf numFmtId="38" fontId="19" fillId="0" borderId="5" xfId="3" quotePrefix="1" applyFont="1" applyFill="1" applyBorder="1" applyAlignment="1">
      <alignment vertical="center" shrinkToFit="1"/>
    </xf>
    <xf numFmtId="41" fontId="14" fillId="0" borderId="5" xfId="3" quotePrefix="1" applyNumberFormat="1" applyFont="1" applyFill="1" applyBorder="1" applyAlignment="1">
      <alignment vertical="center" shrinkToFit="1"/>
    </xf>
    <xf numFmtId="38" fontId="14" fillId="0" borderId="0" xfId="3" applyFont="1" applyFill="1" applyAlignment="1">
      <alignment horizontal="distributed" vertical="center" shrinkToFit="1"/>
    </xf>
    <xf numFmtId="38" fontId="14" fillId="0" borderId="1" xfId="3" applyFont="1" applyFill="1" applyBorder="1" applyAlignment="1">
      <alignment horizontal="distributed" vertical="center" shrinkToFit="1"/>
    </xf>
    <xf numFmtId="41" fontId="14" fillId="0" borderId="29" xfId="3" applyNumberFormat="1" applyFont="1" applyFill="1" applyBorder="1" applyAlignment="1">
      <alignment horizontal="right" vertical="center" shrinkToFit="1"/>
    </xf>
    <xf numFmtId="41" fontId="14" fillId="0" borderId="1" xfId="3" applyNumberFormat="1" applyFont="1" applyFill="1" applyBorder="1" applyAlignment="1">
      <alignment vertical="center" shrinkToFit="1"/>
    </xf>
    <xf numFmtId="177" fontId="14" fillId="0" borderId="6" xfId="3" applyNumberFormat="1" applyFont="1" applyFill="1" applyBorder="1" applyAlignment="1">
      <alignment horizontal="right" vertical="center" shrinkToFit="1"/>
    </xf>
    <xf numFmtId="0" fontId="16" fillId="0" borderId="0" xfId="4" applyFont="1" applyFill="1" applyAlignment="1">
      <alignment horizontal="right" vertical="center"/>
    </xf>
    <xf numFmtId="38" fontId="19" fillId="0" borderId="0" xfId="3" applyFont="1" applyFill="1" applyBorder="1" applyAlignment="1">
      <alignment horizontal="right" vertical="center" shrinkToFit="1"/>
    </xf>
    <xf numFmtId="38" fontId="19" fillId="0" borderId="1" xfId="3" applyFont="1" applyFill="1" applyBorder="1" applyAlignment="1">
      <alignment horizontal="right" vertical="center" shrinkToFit="1"/>
    </xf>
    <xf numFmtId="38" fontId="14" fillId="0" borderId="1" xfId="3" applyFont="1" applyFill="1" applyBorder="1" applyAlignment="1">
      <alignment horizontal="right" vertical="center" shrinkToFit="1"/>
    </xf>
    <xf numFmtId="41" fontId="26" fillId="0" borderId="6" xfId="4" applyNumberFormat="1" applyFont="1" applyFill="1" applyBorder="1" applyAlignment="1">
      <alignment vertical="center" shrinkToFit="1"/>
    </xf>
    <xf numFmtId="0" fontId="34" fillId="0" borderId="1" xfId="4" applyFont="1" applyFill="1" applyBorder="1" applyAlignment="1">
      <alignment horizontal="right" vertical="center" shrinkToFit="1"/>
    </xf>
    <xf numFmtId="49" fontId="14" fillId="0" borderId="5" xfId="3" quotePrefix="1" applyNumberFormat="1" applyFont="1" applyFill="1" applyBorder="1" applyAlignment="1">
      <alignment horizontal="right" vertical="center" shrinkToFit="1"/>
    </xf>
    <xf numFmtId="49" fontId="14" fillId="0" borderId="28" xfId="3" quotePrefix="1" applyNumberFormat="1" applyFont="1" applyFill="1" applyBorder="1" applyAlignment="1">
      <alignment horizontal="right" vertical="center" shrinkToFit="1"/>
    </xf>
    <xf numFmtId="185" fontId="14" fillId="0" borderId="4" xfId="3" applyNumberFormat="1" applyFont="1" applyFill="1" applyBorder="1" applyAlignment="1">
      <alignment horizontal="right" vertical="center" shrinkToFit="1"/>
    </xf>
    <xf numFmtId="0" fontId="26" fillId="0" borderId="7" xfId="4" applyFont="1" applyFill="1" applyBorder="1" applyAlignment="1">
      <alignment horizontal="center" vertical="center" shrinkToFit="1"/>
    </xf>
    <xf numFmtId="178" fontId="26" fillId="0" borderId="6" xfId="4" applyNumberFormat="1" applyFont="1" applyFill="1" applyBorder="1" applyAlignment="1">
      <alignment vertical="center" shrinkToFit="1"/>
    </xf>
    <xf numFmtId="0" fontId="12" fillId="0" borderId="0" xfId="4" applyFill="1" applyBorder="1" applyAlignment="1">
      <alignment horizontal="distributed" vertical="center" shrinkToFit="1"/>
    </xf>
    <xf numFmtId="49" fontId="14" fillId="0" borderId="6" xfId="3" quotePrefix="1" applyNumberFormat="1" applyFont="1" applyFill="1" applyBorder="1" applyAlignment="1">
      <alignment horizontal="right" vertical="center" shrinkToFit="1"/>
    </xf>
    <xf numFmtId="0" fontId="14" fillId="0" borderId="4" xfId="3" applyNumberFormat="1" applyFont="1" applyFill="1" applyBorder="1" applyAlignment="1">
      <alignment vertical="center" shrinkToFit="1"/>
    </xf>
    <xf numFmtId="0" fontId="36" fillId="0" borderId="0" xfId="1" applyFont="1" applyAlignment="1">
      <alignment vertical="center"/>
    </xf>
    <xf numFmtId="0" fontId="6" fillId="0" borderId="0" xfId="1" applyFont="1" applyAlignment="1">
      <alignment horizontal="left"/>
    </xf>
    <xf numFmtId="38" fontId="13" fillId="0" borderId="0" xfId="3" applyFont="1" applyFill="1" applyAlignment="1">
      <alignment horizontal="center" vertical="center"/>
    </xf>
    <xf numFmtId="38" fontId="14" fillId="0" borderId="9" xfId="3" applyFont="1" applyFill="1" applyBorder="1" applyAlignment="1">
      <alignment horizontal="center" vertical="center"/>
    </xf>
    <xf numFmtId="38" fontId="14" fillId="0" borderId="10" xfId="3" applyFont="1" applyFill="1" applyBorder="1" applyAlignment="1">
      <alignment horizontal="center" vertical="center"/>
    </xf>
    <xf numFmtId="38" fontId="14" fillId="0" borderId="8" xfId="3" applyFont="1" applyFill="1" applyBorder="1" applyAlignment="1">
      <alignment horizontal="center" vertical="center"/>
    </xf>
    <xf numFmtId="38" fontId="14" fillId="0" borderId="16" xfId="3" applyFont="1" applyFill="1" applyBorder="1" applyAlignment="1">
      <alignment horizontal="center" vertical="center"/>
    </xf>
    <xf numFmtId="38" fontId="14" fillId="0" borderId="11" xfId="3" applyFont="1" applyFill="1" applyBorder="1" applyAlignment="1">
      <alignment horizontal="center" vertical="center"/>
    </xf>
    <xf numFmtId="38" fontId="14" fillId="0" borderId="17" xfId="3" applyFont="1" applyFill="1" applyBorder="1" applyAlignment="1">
      <alignment horizontal="center" vertical="center"/>
    </xf>
    <xf numFmtId="38" fontId="14" fillId="0" borderId="12" xfId="3" applyFont="1" applyFill="1" applyBorder="1" applyAlignment="1">
      <alignment horizontal="center" vertical="center"/>
    </xf>
    <xf numFmtId="38" fontId="14" fillId="0" borderId="13" xfId="3" applyFont="1" applyFill="1" applyBorder="1" applyAlignment="1">
      <alignment horizontal="center" vertical="center"/>
    </xf>
    <xf numFmtId="38" fontId="14" fillId="0" borderId="14" xfId="3" applyFont="1" applyFill="1" applyBorder="1" applyAlignment="1">
      <alignment horizontal="center" vertical="center"/>
    </xf>
    <xf numFmtId="38" fontId="14" fillId="0" borderId="15" xfId="3" applyFont="1" applyFill="1" applyBorder="1" applyAlignment="1">
      <alignment horizontal="center" vertical="center"/>
    </xf>
    <xf numFmtId="177" fontId="14" fillId="0" borderId="11" xfId="3" applyNumberFormat="1" applyFont="1" applyFill="1" applyBorder="1" applyAlignment="1">
      <alignment horizontal="center" vertical="center" wrapText="1"/>
    </xf>
    <xf numFmtId="177" fontId="4" fillId="0" borderId="17" xfId="3" applyNumberFormat="1" applyFont="1" applyFill="1" applyBorder="1" applyAlignment="1">
      <alignment horizontal="center" vertical="center" wrapText="1"/>
    </xf>
    <xf numFmtId="178" fontId="14" fillId="0" borderId="4" xfId="3" applyNumberFormat="1" applyFont="1" applyFill="1" applyBorder="1" applyAlignment="1">
      <alignment vertical="center" shrinkToFit="1"/>
    </xf>
    <xf numFmtId="38" fontId="22" fillId="0" borderId="9" xfId="3" applyFont="1" applyFill="1" applyBorder="1" applyAlignment="1">
      <alignment horizontal="distributed" vertical="center" shrinkToFit="1"/>
    </xf>
    <xf numFmtId="0" fontId="22" fillId="0" borderId="9" xfId="4" applyFont="1" applyFill="1" applyBorder="1" applyAlignment="1">
      <alignment horizontal="distributed" vertical="center" shrinkToFit="1"/>
    </xf>
    <xf numFmtId="49" fontId="14" fillId="0" borderId="5" xfId="3" applyNumberFormat="1" applyFont="1" applyFill="1" applyBorder="1" applyAlignment="1">
      <alignment horizontal="center" vertical="center" shrinkToFit="1"/>
    </xf>
    <xf numFmtId="179" fontId="14" fillId="0" borderId="5" xfId="3" applyNumberFormat="1" applyFont="1" applyFill="1" applyBorder="1" applyAlignment="1">
      <alignment horizontal="right" vertical="center" shrinkToFit="1"/>
    </xf>
    <xf numFmtId="0" fontId="17" fillId="0" borderId="0" xfId="4" applyFont="1" applyFill="1" applyAlignment="1">
      <alignment horizontal="center" vertical="center"/>
    </xf>
    <xf numFmtId="38" fontId="19" fillId="0" borderId="0" xfId="3" applyFont="1" applyFill="1" applyBorder="1" applyAlignment="1">
      <alignment horizontal="center" vertical="center"/>
    </xf>
    <xf numFmtId="38" fontId="19" fillId="0" borderId="8" xfId="3" applyFont="1" applyFill="1" applyBorder="1" applyAlignment="1">
      <alignment horizontal="center" vertical="center"/>
    </xf>
    <xf numFmtId="38" fontId="19" fillId="0" borderId="4" xfId="3" applyFont="1" applyFill="1" applyBorder="1" applyAlignment="1">
      <alignment horizontal="center" vertical="center"/>
    </xf>
    <xf numFmtId="38" fontId="19" fillId="0" borderId="17" xfId="3" applyFont="1" applyFill="1" applyBorder="1" applyAlignment="1">
      <alignment horizontal="center" vertical="center"/>
    </xf>
    <xf numFmtId="38" fontId="19" fillId="0" borderId="6" xfId="3" applyFont="1" applyFill="1" applyBorder="1" applyAlignment="1">
      <alignment horizontal="center" vertical="center"/>
    </xf>
    <xf numFmtId="38" fontId="19" fillId="0" borderId="1" xfId="3" applyFont="1" applyFill="1" applyBorder="1" applyAlignment="1">
      <alignment horizontal="center" vertical="center"/>
    </xf>
    <xf numFmtId="38" fontId="19" fillId="0" borderId="24" xfId="3" applyFont="1" applyFill="1" applyBorder="1" applyAlignment="1">
      <alignment horizontal="center" vertical="center"/>
    </xf>
    <xf numFmtId="41" fontId="14" fillId="0" borderId="5" xfId="3" applyNumberFormat="1" applyFont="1" applyFill="1" applyBorder="1" applyAlignment="1">
      <alignment vertical="center" shrinkToFit="1"/>
    </xf>
    <xf numFmtId="38" fontId="20" fillId="0" borderId="0" xfId="3" applyFont="1" applyFill="1" applyAlignment="1">
      <alignment horizontal="center" vertical="center" shrinkToFit="1"/>
    </xf>
    <xf numFmtId="41" fontId="14" fillId="0" borderId="5" xfId="3" applyNumberFormat="1" applyFont="1" applyFill="1" applyBorder="1" applyAlignment="1">
      <alignment horizontal="center" vertical="center" shrinkToFit="1"/>
    </xf>
    <xf numFmtId="41" fontId="19" fillId="0" borderId="22" xfId="3" applyNumberFormat="1" applyFont="1" applyFill="1" applyBorder="1" applyAlignment="1">
      <alignment horizontal="center" vertical="center"/>
    </xf>
    <xf numFmtId="41" fontId="19" fillId="0" borderId="0" xfId="3" applyNumberFormat="1" applyFont="1" applyFill="1" applyBorder="1" applyAlignment="1">
      <alignment horizontal="center" vertical="center"/>
    </xf>
    <xf numFmtId="41" fontId="19" fillId="0" borderId="3" xfId="3" applyNumberFormat="1" applyFont="1" applyFill="1" applyBorder="1" applyAlignment="1">
      <alignment horizontal="center" vertical="center"/>
    </xf>
    <xf numFmtId="178" fontId="19" fillId="0" borderId="4" xfId="3" applyNumberFormat="1" applyFont="1" applyFill="1" applyBorder="1" applyAlignment="1">
      <alignment horizontal="center" vertical="center" wrapText="1"/>
    </xf>
    <xf numFmtId="178" fontId="19" fillId="0" borderId="17" xfId="3" applyNumberFormat="1" applyFont="1" applyFill="1" applyBorder="1" applyAlignment="1">
      <alignment horizontal="center" vertical="center" wrapText="1"/>
    </xf>
    <xf numFmtId="38" fontId="2" fillId="0" borderId="0" xfId="3" applyFont="1" applyFill="1" applyAlignment="1">
      <alignment horizontal="center" vertical="center"/>
    </xf>
    <xf numFmtId="41" fontId="14" fillId="0" borderId="27" xfId="3" applyNumberFormat="1" applyFont="1" applyFill="1" applyBorder="1" applyAlignment="1">
      <alignment vertical="center" shrinkToFit="1"/>
    </xf>
    <xf numFmtId="178" fontId="14" fillId="0" borderId="4" xfId="3" applyNumberFormat="1" applyFont="1" applyFill="1" applyBorder="1" applyAlignment="1">
      <alignment horizontal="center" vertical="center" shrinkToFit="1"/>
    </xf>
    <xf numFmtId="41" fontId="14" fillId="0" borderId="27" xfId="3" applyNumberFormat="1" applyFont="1" applyFill="1" applyBorder="1" applyAlignment="1">
      <alignment horizontal="center" vertical="center" shrinkToFit="1"/>
    </xf>
    <xf numFmtId="49" fontId="19" fillId="0" borderId="5" xfId="3" applyNumberFormat="1" applyFont="1" applyFill="1" applyBorder="1" applyAlignment="1">
      <alignment horizontal="center" vertical="center" shrinkToFit="1"/>
    </xf>
    <xf numFmtId="180" fontId="14" fillId="0" borderId="5" xfId="3" applyNumberFormat="1" applyFont="1" applyFill="1" applyBorder="1" applyAlignment="1">
      <alignment horizontal="right" vertical="center" shrinkToFit="1"/>
    </xf>
    <xf numFmtId="180" fontId="14" fillId="0" borderId="28" xfId="3" applyNumberFormat="1" applyFont="1" applyFill="1" applyBorder="1" applyAlignment="1">
      <alignment horizontal="right" vertical="center" shrinkToFit="1"/>
    </xf>
    <xf numFmtId="38" fontId="22" fillId="0" borderId="0" xfId="3" applyFont="1" applyFill="1" applyBorder="1" applyAlignment="1">
      <alignment horizontal="distributed" vertical="center" shrinkToFit="1"/>
    </xf>
    <xf numFmtId="38" fontId="19" fillId="0" borderId="4" xfId="3" applyFont="1" applyFill="1" applyBorder="1" applyAlignment="1">
      <alignment horizontal="center" vertical="center" wrapText="1"/>
    </xf>
    <xf numFmtId="38" fontId="19" fillId="0" borderId="17" xfId="3" applyFont="1" applyFill="1" applyBorder="1" applyAlignment="1">
      <alignment horizontal="center" vertical="center" wrapText="1"/>
    </xf>
    <xf numFmtId="0" fontId="22" fillId="0" borderId="0" xfId="4" applyFont="1" applyFill="1" applyBorder="1" applyAlignment="1">
      <alignment horizontal="distributed" vertical="center" shrinkToFit="1"/>
    </xf>
    <xf numFmtId="41" fontId="14" fillId="0" borderId="5" xfId="3" applyNumberFormat="1" applyFont="1" applyFill="1" applyBorder="1" applyAlignment="1">
      <alignment horizontal="right" vertical="center" shrinkToFit="1"/>
    </xf>
    <xf numFmtId="178" fontId="14" fillId="0" borderId="4" xfId="3" applyNumberFormat="1" applyFont="1" applyFill="1" applyBorder="1" applyAlignment="1">
      <alignment horizontal="right" vertical="center" shrinkToFit="1"/>
    </xf>
    <xf numFmtId="181" fontId="14" fillId="0" borderId="5" xfId="3" applyNumberFormat="1" applyFont="1" applyFill="1" applyBorder="1" applyAlignment="1">
      <alignment horizontal="right" vertical="center" shrinkToFit="1"/>
    </xf>
    <xf numFmtId="180" fontId="14" fillId="0" borderId="30" xfId="3" applyNumberFormat="1" applyFont="1" applyFill="1" applyBorder="1" applyAlignment="1">
      <alignment horizontal="right" vertical="center" shrinkToFit="1"/>
    </xf>
    <xf numFmtId="41" fontId="14" fillId="0" borderId="27" xfId="3" applyNumberFormat="1" applyFont="1" applyFill="1" applyBorder="1" applyAlignment="1">
      <alignment horizontal="right" vertical="center" shrinkToFit="1"/>
    </xf>
    <xf numFmtId="49" fontId="2" fillId="0" borderId="5" xfId="3" applyNumberFormat="1" applyFont="1" applyFill="1" applyBorder="1" applyAlignment="1">
      <alignment horizontal="center" vertical="center" shrinkToFit="1"/>
    </xf>
    <xf numFmtId="41" fontId="14" fillId="0" borderId="5" xfId="3" quotePrefix="1" applyNumberFormat="1" applyFont="1" applyFill="1" applyBorder="1" applyAlignment="1">
      <alignment horizontal="center" vertical="center" shrinkToFit="1"/>
    </xf>
    <xf numFmtId="38" fontId="20" fillId="0" borderId="0" xfId="3" applyFont="1" applyFill="1" applyAlignment="1">
      <alignment horizontal="right" vertical="center" shrinkToFit="1"/>
    </xf>
    <xf numFmtId="38" fontId="20" fillId="0" borderId="0" xfId="3" applyFont="1" applyFill="1" applyAlignment="1">
      <alignment horizontal="distributed" vertical="center" shrinkToFit="1"/>
    </xf>
    <xf numFmtId="41" fontId="14" fillId="0" borderId="3" xfId="3" applyNumberFormat="1" applyFont="1" applyFill="1" applyBorder="1" applyAlignment="1">
      <alignment horizontal="right" vertical="center" shrinkToFit="1"/>
    </xf>
    <xf numFmtId="180" fontId="14" fillId="0" borderId="4" xfId="3" applyNumberFormat="1" applyFont="1" applyFill="1" applyBorder="1" applyAlignment="1">
      <alignment horizontal="right" vertical="center" shrinkToFit="1"/>
    </xf>
    <xf numFmtId="178" fontId="27" fillId="0" borderId="4" xfId="3" applyNumberFormat="1" applyFont="1" applyFill="1" applyBorder="1" applyAlignment="1">
      <alignment horizontal="right" vertical="center" shrinkToFit="1"/>
    </xf>
    <xf numFmtId="180" fontId="14" fillId="0" borderId="5" xfId="3" quotePrefix="1" applyNumberFormat="1" applyFont="1" applyFill="1" applyBorder="1" applyAlignment="1">
      <alignment horizontal="right" vertical="center" shrinkToFit="1"/>
    </xf>
    <xf numFmtId="49" fontId="19" fillId="0" borderId="5" xfId="3" quotePrefix="1" applyNumberFormat="1" applyFont="1" applyFill="1" applyBorder="1" applyAlignment="1">
      <alignment horizontal="center" vertical="center" shrinkToFit="1"/>
    </xf>
    <xf numFmtId="38" fontId="14" fillId="0" borderId="5" xfId="3" applyFont="1" applyFill="1" applyBorder="1" applyAlignment="1">
      <alignment horizontal="center" vertical="center" shrinkToFit="1"/>
    </xf>
    <xf numFmtId="180" fontId="14" fillId="0" borderId="28" xfId="3" quotePrefix="1" applyNumberFormat="1" applyFont="1" applyFill="1" applyBorder="1" applyAlignment="1">
      <alignment horizontal="right" vertical="center" shrinkToFit="1"/>
    </xf>
    <xf numFmtId="41" fontId="14" fillId="0" borderId="27" xfId="3" quotePrefix="1" applyNumberFormat="1" applyFont="1" applyFill="1" applyBorder="1" applyAlignment="1">
      <alignment horizontal="right" vertical="center" shrinkToFit="1"/>
    </xf>
    <xf numFmtId="41" fontId="14" fillId="0" borderId="5" xfId="3" quotePrefix="1" applyNumberFormat="1" applyFont="1" applyFill="1" applyBorder="1" applyAlignment="1">
      <alignment horizontal="right" vertical="center" shrinkToFit="1"/>
    </xf>
    <xf numFmtId="42" fontId="14" fillId="0" borderId="5" xfId="3" applyNumberFormat="1" applyFont="1" applyFill="1" applyBorder="1" applyAlignment="1">
      <alignment horizontal="right" vertical="center" shrinkToFit="1"/>
    </xf>
    <xf numFmtId="42" fontId="14" fillId="0" borderId="5" xfId="3" quotePrefix="1" applyNumberFormat="1" applyFont="1" applyFill="1" applyBorder="1" applyAlignment="1">
      <alignment horizontal="right" vertical="center" shrinkToFit="1"/>
    </xf>
    <xf numFmtId="38" fontId="19" fillId="0" borderId="5" xfId="3" quotePrefix="1" applyFont="1" applyFill="1" applyBorder="1" applyAlignment="1">
      <alignment horizontal="center" vertical="center" shrinkToFit="1"/>
    </xf>
    <xf numFmtId="181" fontId="14" fillId="0" borderId="5" xfId="3" quotePrefix="1" applyNumberFormat="1" applyFont="1" applyFill="1" applyBorder="1" applyAlignment="1">
      <alignment horizontal="right" vertical="center" shrinkToFit="1"/>
    </xf>
    <xf numFmtId="38" fontId="31" fillId="0" borderId="0" xfId="3" applyFont="1" applyFill="1" applyBorder="1" applyAlignment="1">
      <alignment horizontal="distributed" vertical="center" shrinkToFit="1"/>
    </xf>
    <xf numFmtId="38" fontId="19" fillId="0" borderId="9" xfId="3" applyFont="1" applyFill="1" applyBorder="1" applyAlignment="1">
      <alignment horizontal="center" vertical="center"/>
    </xf>
    <xf numFmtId="38" fontId="19" fillId="0" borderId="21" xfId="3" applyFont="1" applyFill="1" applyBorder="1" applyAlignment="1">
      <alignment horizontal="center" vertical="center"/>
    </xf>
    <xf numFmtId="0" fontId="12" fillId="0" borderId="32" xfId="4" applyFill="1" applyBorder="1" applyAlignment="1">
      <alignment horizontal="center" vertical="center"/>
    </xf>
    <xf numFmtId="38" fontId="19" fillId="0" borderId="13" xfId="3" applyFont="1" applyFill="1" applyBorder="1" applyAlignment="1">
      <alignment horizontal="center" vertical="center"/>
    </xf>
    <xf numFmtId="0" fontId="12" fillId="0" borderId="13" xfId="4" applyFill="1" applyBorder="1" applyAlignment="1">
      <alignment horizontal="center" vertical="center"/>
    </xf>
    <xf numFmtId="38" fontId="19" fillId="0" borderId="12" xfId="3" applyFont="1" applyFill="1" applyBorder="1" applyAlignment="1">
      <alignment horizontal="center" vertical="center"/>
    </xf>
    <xf numFmtId="38" fontId="19" fillId="0" borderId="14" xfId="3" applyFont="1" applyFill="1" applyBorder="1" applyAlignment="1">
      <alignment horizontal="center" vertical="center"/>
    </xf>
    <xf numFmtId="41" fontId="19" fillId="0" borderId="15" xfId="3" applyNumberFormat="1" applyFont="1" applyFill="1" applyBorder="1" applyAlignment="1">
      <alignment horizontal="center" vertical="center"/>
    </xf>
    <xf numFmtId="41" fontId="19" fillId="0" borderId="9" xfId="3" applyNumberFormat="1" applyFont="1" applyFill="1" applyBorder="1" applyAlignment="1">
      <alignment horizontal="center" vertical="center"/>
    </xf>
    <xf numFmtId="41" fontId="19" fillId="0" borderId="10" xfId="3" applyNumberFormat="1" applyFont="1" applyFill="1" applyBorder="1" applyAlignment="1">
      <alignment horizontal="center" vertical="center"/>
    </xf>
    <xf numFmtId="0" fontId="31" fillId="0" borderId="0" xfId="4" applyFont="1" applyFill="1" applyBorder="1" applyAlignment="1">
      <alignment horizontal="distributed" vertical="center" shrinkToFit="1"/>
    </xf>
    <xf numFmtId="38" fontId="19" fillId="0" borderId="0" xfId="3" applyFont="1" applyFill="1" applyAlignment="1">
      <alignment horizontal="center" vertical="center" shrinkToFit="1"/>
    </xf>
    <xf numFmtId="38" fontId="19" fillId="0" borderId="0" xfId="3" applyFont="1" applyFill="1" applyBorder="1" applyAlignment="1">
      <alignment horizontal="right" vertical="center" shrinkToFit="1"/>
    </xf>
    <xf numFmtId="38" fontId="19" fillId="0" borderId="5" xfId="3" applyFont="1" applyFill="1" applyBorder="1" applyAlignment="1">
      <alignment horizontal="center" vertical="center" shrinkToFit="1"/>
    </xf>
    <xf numFmtId="38" fontId="19" fillId="0" borderId="0" xfId="3" applyFont="1" applyFill="1" applyAlignment="1">
      <alignment horizontal="distributed" vertical="center" shrinkToFit="1"/>
    </xf>
    <xf numFmtId="38" fontId="19" fillId="0" borderId="0" xfId="3" applyFont="1" applyFill="1" applyBorder="1" applyAlignment="1">
      <alignment horizontal="distributed" vertical="center" shrinkToFit="1"/>
    </xf>
    <xf numFmtId="0" fontId="35" fillId="0" borderId="0" xfId="4" applyFont="1" applyFill="1" applyBorder="1" applyAlignment="1">
      <alignment horizontal="distributed" vertical="center" shrinkToFit="1"/>
    </xf>
  </cellXfs>
  <cellStyles count="5">
    <cellStyle name="ハイパーリンク" xfId="1" builtinId="8"/>
    <cellStyle name="桁区切り 2" xfId="3"/>
    <cellStyle name="標準" xfId="0" builtinId="0"/>
    <cellStyle name="標準 2" xfId="4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7"/>
  <sheetViews>
    <sheetView tabSelected="1" zoomScaleNormal="100" zoomScaleSheetLayoutView="75" workbookViewId="0"/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5" ht="21" customHeight="1"/>
    <row r="2" spans="1:5" ht="21" customHeight="1">
      <c r="A2" s="8" t="s">
        <v>35</v>
      </c>
      <c r="C2" s="5"/>
      <c r="D2" s="5"/>
      <c r="E2" s="5"/>
    </row>
    <row r="3" spans="1:5" ht="21" customHeight="1">
      <c r="B3" s="5"/>
      <c r="C3" s="5"/>
      <c r="D3" s="5"/>
      <c r="E3" s="5"/>
    </row>
    <row r="4" spans="1:5" s="6" customFormat="1" ht="21" customHeight="1">
      <c r="B4" s="386" t="s">
        <v>767</v>
      </c>
      <c r="C4" s="7" t="s">
        <v>2</v>
      </c>
      <c r="D4" s="7" t="s">
        <v>3</v>
      </c>
      <c r="E4" s="7" t="s">
        <v>4</v>
      </c>
    </row>
    <row r="5" spans="1:5" s="6" customFormat="1" ht="21" customHeight="1">
      <c r="B5" s="5"/>
      <c r="C5" s="7" t="s">
        <v>5</v>
      </c>
      <c r="D5" s="7" t="s">
        <v>6</v>
      </c>
      <c r="E5" s="7" t="s">
        <v>7</v>
      </c>
    </row>
    <row r="6" spans="1:5" s="6" customFormat="1" ht="21" customHeight="1">
      <c r="B6" s="5"/>
      <c r="C6" s="7" t="s">
        <v>8</v>
      </c>
      <c r="D6" s="7" t="s">
        <v>9</v>
      </c>
      <c r="E6" s="7" t="s">
        <v>10</v>
      </c>
    </row>
    <row r="7" spans="1:5" s="6" customFormat="1" ht="21" customHeight="1">
      <c r="B7" s="5"/>
      <c r="C7" s="7" t="s">
        <v>11</v>
      </c>
      <c r="D7" s="7" t="s">
        <v>12</v>
      </c>
      <c r="E7" s="7" t="s">
        <v>13</v>
      </c>
    </row>
    <row r="8" spans="1:5" s="6" customFormat="1" ht="21" customHeight="1">
      <c r="B8" s="5"/>
      <c r="C8" s="7" t="s">
        <v>14</v>
      </c>
      <c r="D8" s="7" t="s">
        <v>15</v>
      </c>
      <c r="E8" s="7" t="s">
        <v>16</v>
      </c>
    </row>
    <row r="9" spans="1:5" s="6" customFormat="1" ht="21" customHeight="1">
      <c r="B9" s="5"/>
      <c r="C9" s="7" t="s">
        <v>17</v>
      </c>
      <c r="D9" s="7" t="s">
        <v>18</v>
      </c>
      <c r="E9" s="7" t="s">
        <v>19</v>
      </c>
    </row>
    <row r="10" spans="1:5" s="6" customFormat="1" ht="21" customHeight="1">
      <c r="B10" s="5"/>
      <c r="C10" s="7" t="s">
        <v>20</v>
      </c>
      <c r="D10" s="7" t="s">
        <v>21</v>
      </c>
      <c r="E10" s="7" t="s">
        <v>22</v>
      </c>
    </row>
    <row r="11" spans="1:5" s="6" customFormat="1" ht="21" customHeight="1">
      <c r="B11" s="5"/>
      <c r="C11" s="7" t="s">
        <v>23</v>
      </c>
      <c r="D11" s="7" t="s">
        <v>24</v>
      </c>
      <c r="E11" s="7" t="s">
        <v>25</v>
      </c>
    </row>
    <row r="12" spans="1:5" ht="21" customHeight="1">
      <c r="B12" s="6"/>
      <c r="C12" s="6"/>
      <c r="D12" s="344"/>
      <c r="E12" s="6"/>
    </row>
    <row r="13" spans="1:5" ht="21" customHeight="1"/>
    <row r="14" spans="1:5" ht="21" customHeight="1"/>
    <row r="15" spans="1:5" ht="21" customHeight="1"/>
    <row r="16" spans="1:5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</sheetData>
  <phoneticPr fontId="4"/>
  <hyperlinks>
    <hyperlink ref="B4" location="大阪市全区!A1" display="・大阪市全区"/>
    <hyperlink ref="C5" location="都島区!A1" display="・都島区"/>
    <hyperlink ref="C4" location="北区!A1" display="・北区"/>
    <hyperlink ref="C6" location="福島区!A1" display="・福島区"/>
    <hyperlink ref="C7" location="此花区!A1" display="・此花区"/>
    <hyperlink ref="C8" location="中央区!A1" display="・中央区"/>
    <hyperlink ref="C9" location="西区!A1" display="・西区"/>
    <hyperlink ref="C10" location="港区!A1" display="・港区"/>
    <hyperlink ref="C11" location="大正区!A1" display="・大正区"/>
    <hyperlink ref="D5" location="浪速区!A1" display="・浪速区"/>
    <hyperlink ref="D4" location="天王寺区!A1" display="・天王寺区"/>
    <hyperlink ref="D6" location="西淀川区!A1" display="・西淀川区"/>
    <hyperlink ref="D7" location="淀川区!A1" display="・淀川区"/>
    <hyperlink ref="D8" location="東淀川区!A1" display="・東淀川区"/>
    <hyperlink ref="D9" location="東成区!A1" display="・東成区"/>
    <hyperlink ref="D10" location="生野区!A1" display="・生野区"/>
    <hyperlink ref="D11" location="旭区!A1" display="・旭区"/>
    <hyperlink ref="E4" location="城東区!A1" display="・城東区"/>
    <hyperlink ref="E5" location="鶴見区!A1" display="・鶴見区"/>
    <hyperlink ref="E6" location="阿倍野区!A1" display="・阿倍野区"/>
    <hyperlink ref="E7" location="住之江区!A1" display="・住之江区"/>
    <hyperlink ref="E8" location="住吉区!A1" display="・住吉区"/>
    <hyperlink ref="E9" location="東住吉区!A1" display="・東住吉区"/>
    <hyperlink ref="E10" location="平野区!A1" display="・平野区"/>
    <hyperlink ref="E11" location="西成区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68"/>
  <sheetViews>
    <sheetView zoomScale="115" zoomScaleNormal="115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22" ht="10.5" customHeight="1"/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48" t="s">
        <v>350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22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22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22" s="15" customFormat="1" ht="3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22" s="64" customFormat="1" ht="13.5" customHeight="1">
      <c r="B9" s="429" t="s">
        <v>92</v>
      </c>
      <c r="C9" s="432"/>
      <c r="D9" s="255"/>
      <c r="E9" s="256"/>
      <c r="F9" s="152">
        <v>30965</v>
      </c>
      <c r="G9" s="152">
        <v>73207</v>
      </c>
      <c r="H9" s="154">
        <v>36144</v>
      </c>
      <c r="I9" s="155">
        <v>37063</v>
      </c>
      <c r="J9" s="81">
        <v>9176</v>
      </c>
      <c r="K9" s="83">
        <v>48676</v>
      </c>
      <c r="L9" s="83">
        <v>15330</v>
      </c>
      <c r="M9" s="84">
        <v>73983</v>
      </c>
      <c r="N9" s="85">
        <v>34797</v>
      </c>
      <c r="O9" s="85">
        <v>7465</v>
      </c>
      <c r="P9" s="86">
        <v>101.1</v>
      </c>
      <c r="Q9" s="201"/>
    </row>
    <row r="10" spans="1:22" s="11" customFormat="1" ht="3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  <c r="Q10" s="202"/>
    </row>
    <row r="11" spans="1:22" s="11" customFormat="1" ht="15" customHeight="1">
      <c r="B11" s="87" t="s">
        <v>351</v>
      </c>
      <c r="C11" s="88" t="s">
        <v>26</v>
      </c>
      <c r="D11" s="257"/>
      <c r="E11" s="108"/>
      <c r="F11" s="98">
        <v>1596</v>
      </c>
      <c r="G11" s="126">
        <v>3265</v>
      </c>
      <c r="H11" s="98">
        <v>1633</v>
      </c>
      <c r="I11" s="126">
        <v>1632</v>
      </c>
      <c r="J11" s="94">
        <v>398</v>
      </c>
      <c r="K11" s="94">
        <v>2434</v>
      </c>
      <c r="L11" s="94">
        <v>433</v>
      </c>
      <c r="M11" s="95">
        <v>3567</v>
      </c>
      <c r="N11" s="96">
        <v>1682</v>
      </c>
      <c r="O11" s="96">
        <v>558</v>
      </c>
      <c r="P11" s="97">
        <v>109.2</v>
      </c>
      <c r="Q11" s="202"/>
      <c r="T11" s="64"/>
      <c r="U11" s="64"/>
      <c r="V11" s="64"/>
    </row>
    <row r="12" spans="1:22" s="11" customFormat="1" ht="15" customHeight="1">
      <c r="B12" s="87"/>
      <c r="C12" s="88" t="s">
        <v>27</v>
      </c>
      <c r="D12" s="257"/>
      <c r="E12" s="108"/>
      <c r="F12" s="98">
        <v>914</v>
      </c>
      <c r="G12" s="126">
        <v>2025</v>
      </c>
      <c r="H12" s="98">
        <v>1005</v>
      </c>
      <c r="I12" s="126">
        <v>1020</v>
      </c>
      <c r="J12" s="94">
        <v>311</v>
      </c>
      <c r="K12" s="94">
        <v>1416</v>
      </c>
      <c r="L12" s="94">
        <v>298</v>
      </c>
      <c r="M12" s="95">
        <v>1804</v>
      </c>
      <c r="N12" s="96">
        <v>589</v>
      </c>
      <c r="O12" s="96">
        <v>338</v>
      </c>
      <c r="P12" s="97">
        <v>89.1</v>
      </c>
      <c r="Q12" s="202"/>
      <c r="T12" s="64"/>
      <c r="U12" s="64"/>
      <c r="V12" s="64"/>
    </row>
    <row r="13" spans="1:22" s="11" customFormat="1" ht="15" customHeight="1">
      <c r="B13" s="87"/>
      <c r="C13" s="88" t="s">
        <v>28</v>
      </c>
      <c r="D13" s="257"/>
      <c r="E13" s="108"/>
      <c r="F13" s="98">
        <v>46</v>
      </c>
      <c r="G13" s="126">
        <v>96</v>
      </c>
      <c r="H13" s="98">
        <v>56</v>
      </c>
      <c r="I13" s="126">
        <v>40</v>
      </c>
      <c r="J13" s="94">
        <v>7</v>
      </c>
      <c r="K13" s="94">
        <v>71</v>
      </c>
      <c r="L13" s="94">
        <v>18</v>
      </c>
      <c r="M13" s="95">
        <v>1260</v>
      </c>
      <c r="N13" s="96">
        <v>1236</v>
      </c>
      <c r="O13" s="100">
        <v>0</v>
      </c>
      <c r="P13" s="97">
        <v>1312.5</v>
      </c>
      <c r="Q13" s="202"/>
      <c r="T13" s="64"/>
      <c r="U13" s="64"/>
      <c r="V13" s="64"/>
    </row>
    <row r="14" spans="1:22" s="11" customFormat="1" ht="15" customHeight="1">
      <c r="B14" s="87" t="s">
        <v>0</v>
      </c>
      <c r="C14" s="88" t="s">
        <v>29</v>
      </c>
      <c r="D14" s="257"/>
      <c r="E14" s="108"/>
      <c r="F14" s="98">
        <v>566</v>
      </c>
      <c r="G14" s="126">
        <v>1243</v>
      </c>
      <c r="H14" s="98">
        <v>623</v>
      </c>
      <c r="I14" s="126">
        <v>620</v>
      </c>
      <c r="J14" s="94">
        <v>172</v>
      </c>
      <c r="K14" s="94">
        <v>850</v>
      </c>
      <c r="L14" s="94">
        <v>221</v>
      </c>
      <c r="M14" s="95">
        <v>1928</v>
      </c>
      <c r="N14" s="96">
        <v>965</v>
      </c>
      <c r="O14" s="96">
        <v>488</v>
      </c>
      <c r="P14" s="97">
        <v>155.1</v>
      </c>
      <c r="Q14" s="202"/>
      <c r="T14" s="64"/>
      <c r="U14" s="64"/>
      <c r="V14" s="64"/>
    </row>
    <row r="15" spans="1:22" s="11" customFormat="1" ht="15" customHeight="1">
      <c r="B15" s="87"/>
      <c r="C15" s="88" t="s">
        <v>30</v>
      </c>
      <c r="D15" s="257"/>
      <c r="E15" s="108"/>
      <c r="F15" s="98">
        <v>631</v>
      </c>
      <c r="G15" s="126">
        <v>1584</v>
      </c>
      <c r="H15" s="98">
        <v>761</v>
      </c>
      <c r="I15" s="126">
        <v>823</v>
      </c>
      <c r="J15" s="94">
        <v>217</v>
      </c>
      <c r="K15" s="94">
        <v>1033</v>
      </c>
      <c r="L15" s="94">
        <v>334</v>
      </c>
      <c r="M15" s="95">
        <v>1623</v>
      </c>
      <c r="N15" s="96">
        <v>972</v>
      </c>
      <c r="O15" s="100">
        <v>0</v>
      </c>
      <c r="P15" s="97">
        <v>102.5</v>
      </c>
      <c r="Q15" s="202"/>
      <c r="T15" s="64"/>
      <c r="U15" s="64"/>
      <c r="V15" s="64"/>
    </row>
    <row r="16" spans="1:22" s="11" customFormat="1" ht="15" customHeight="1">
      <c r="B16" s="87"/>
      <c r="C16" s="88" t="s">
        <v>31</v>
      </c>
      <c r="D16" s="257"/>
      <c r="E16" s="108"/>
      <c r="F16" s="98">
        <v>504</v>
      </c>
      <c r="G16" s="126">
        <v>1096</v>
      </c>
      <c r="H16" s="98">
        <v>543</v>
      </c>
      <c r="I16" s="126">
        <v>553</v>
      </c>
      <c r="J16" s="94">
        <v>94</v>
      </c>
      <c r="K16" s="94">
        <v>730</v>
      </c>
      <c r="L16" s="94">
        <v>272</v>
      </c>
      <c r="M16" s="95">
        <v>693</v>
      </c>
      <c r="N16" s="96">
        <v>216</v>
      </c>
      <c r="O16" s="100">
        <v>0</v>
      </c>
      <c r="P16" s="97">
        <v>63.2</v>
      </c>
      <c r="Q16" s="202"/>
      <c r="T16" s="64"/>
      <c r="U16" s="64"/>
      <c r="V16" s="64"/>
    </row>
    <row r="17" spans="2:22" s="11" customFormat="1" ht="15" customHeight="1">
      <c r="B17" s="87" t="s">
        <v>352</v>
      </c>
      <c r="C17" s="88" t="s">
        <v>26</v>
      </c>
      <c r="D17" s="257"/>
      <c r="E17" s="108"/>
      <c r="F17" s="98">
        <v>817</v>
      </c>
      <c r="G17" s="126">
        <v>1802</v>
      </c>
      <c r="H17" s="98">
        <v>864</v>
      </c>
      <c r="I17" s="126">
        <v>938</v>
      </c>
      <c r="J17" s="94">
        <v>160</v>
      </c>
      <c r="K17" s="94">
        <v>1139</v>
      </c>
      <c r="L17" s="94">
        <v>503</v>
      </c>
      <c r="M17" s="95">
        <v>1999</v>
      </c>
      <c r="N17" s="96">
        <v>1040</v>
      </c>
      <c r="O17" s="96">
        <v>151</v>
      </c>
      <c r="P17" s="97">
        <v>110.9</v>
      </c>
      <c r="Q17" s="202"/>
      <c r="T17" s="64"/>
      <c r="U17" s="64"/>
      <c r="V17" s="64"/>
    </row>
    <row r="18" spans="2:22" s="11" customFormat="1" ht="15" customHeight="1">
      <c r="B18" s="87"/>
      <c r="C18" s="88" t="s">
        <v>27</v>
      </c>
      <c r="D18" s="257"/>
      <c r="E18" s="108"/>
      <c r="F18" s="98">
        <v>709</v>
      </c>
      <c r="G18" s="123">
        <v>1509</v>
      </c>
      <c r="H18" s="98">
        <v>782</v>
      </c>
      <c r="I18" s="123">
        <v>727</v>
      </c>
      <c r="J18" s="94">
        <v>136</v>
      </c>
      <c r="K18" s="94">
        <v>952</v>
      </c>
      <c r="L18" s="94">
        <v>419</v>
      </c>
      <c r="M18" s="95">
        <v>1127</v>
      </c>
      <c r="N18" s="96">
        <v>489</v>
      </c>
      <c r="O18" s="100">
        <v>0</v>
      </c>
      <c r="P18" s="97">
        <v>74.8</v>
      </c>
      <c r="Q18" s="202"/>
      <c r="T18" s="64"/>
      <c r="U18" s="64"/>
      <c r="V18" s="64"/>
    </row>
    <row r="19" spans="2:22" s="11" customFormat="1" ht="15" customHeight="1">
      <c r="B19" s="87"/>
      <c r="C19" s="88" t="s">
        <v>28</v>
      </c>
      <c r="D19" s="257"/>
      <c r="E19" s="108"/>
      <c r="F19" s="98">
        <v>540</v>
      </c>
      <c r="G19" s="126">
        <v>1169</v>
      </c>
      <c r="H19" s="98">
        <v>620</v>
      </c>
      <c r="I19" s="126">
        <v>549</v>
      </c>
      <c r="J19" s="94">
        <v>155</v>
      </c>
      <c r="K19" s="94">
        <v>795</v>
      </c>
      <c r="L19" s="94">
        <v>219</v>
      </c>
      <c r="M19" s="95">
        <v>1023</v>
      </c>
      <c r="N19" s="96">
        <v>541</v>
      </c>
      <c r="O19" s="100">
        <v>0</v>
      </c>
      <c r="P19" s="97">
        <v>87.5</v>
      </c>
      <c r="Q19" s="202"/>
      <c r="T19" s="64"/>
      <c r="U19" s="64"/>
      <c r="V19" s="64"/>
    </row>
    <row r="20" spans="2:22" s="11" customFormat="1" ht="15" customHeight="1">
      <c r="B20" s="87" t="s">
        <v>353</v>
      </c>
      <c r="C20" s="88" t="s">
        <v>26</v>
      </c>
      <c r="D20" s="257"/>
      <c r="E20" s="108"/>
      <c r="F20" s="98">
        <v>1775</v>
      </c>
      <c r="G20" s="126">
        <v>4223</v>
      </c>
      <c r="H20" s="98">
        <v>2068</v>
      </c>
      <c r="I20" s="126">
        <v>2155</v>
      </c>
      <c r="J20" s="94">
        <v>514</v>
      </c>
      <c r="K20" s="94">
        <v>2869</v>
      </c>
      <c r="L20" s="94">
        <v>837</v>
      </c>
      <c r="M20" s="95">
        <v>2838</v>
      </c>
      <c r="N20" s="96">
        <v>1155</v>
      </c>
      <c r="O20" s="100">
        <v>0</v>
      </c>
      <c r="P20" s="97">
        <v>67.3</v>
      </c>
      <c r="Q20" s="202"/>
      <c r="T20" s="64"/>
      <c r="U20" s="64"/>
      <c r="V20" s="64"/>
    </row>
    <row r="21" spans="2:22" s="11" customFormat="1" ht="15" customHeight="1">
      <c r="B21" s="87"/>
      <c r="C21" s="88" t="s">
        <v>27</v>
      </c>
      <c r="D21" s="257"/>
      <c r="E21" s="108"/>
      <c r="F21" s="98">
        <v>789</v>
      </c>
      <c r="G21" s="126">
        <v>2039</v>
      </c>
      <c r="H21" s="98">
        <v>908</v>
      </c>
      <c r="I21" s="126">
        <v>1131</v>
      </c>
      <c r="J21" s="94">
        <v>224</v>
      </c>
      <c r="K21" s="94">
        <v>1274</v>
      </c>
      <c r="L21" s="94">
        <v>535</v>
      </c>
      <c r="M21" s="95">
        <v>2073</v>
      </c>
      <c r="N21" s="96">
        <v>854</v>
      </c>
      <c r="O21" s="96">
        <v>298</v>
      </c>
      <c r="P21" s="97">
        <v>102</v>
      </c>
      <c r="Q21" s="202"/>
      <c r="T21" s="64"/>
      <c r="U21" s="64"/>
      <c r="V21" s="64"/>
    </row>
    <row r="22" spans="2:22" s="11" customFormat="1" ht="15" customHeight="1">
      <c r="B22" s="87"/>
      <c r="C22" s="88" t="s">
        <v>28</v>
      </c>
      <c r="D22" s="257"/>
      <c r="E22" s="108"/>
      <c r="F22" s="98">
        <v>707</v>
      </c>
      <c r="G22" s="126">
        <v>1701</v>
      </c>
      <c r="H22" s="98">
        <v>838</v>
      </c>
      <c r="I22" s="126">
        <v>863</v>
      </c>
      <c r="J22" s="94">
        <v>243</v>
      </c>
      <c r="K22" s="94">
        <v>1128</v>
      </c>
      <c r="L22" s="94">
        <v>330</v>
      </c>
      <c r="M22" s="95">
        <v>2631</v>
      </c>
      <c r="N22" s="96">
        <v>1006</v>
      </c>
      <c r="O22" s="96">
        <v>928</v>
      </c>
      <c r="P22" s="97">
        <v>154.69999999999999</v>
      </c>
      <c r="Q22" s="202"/>
      <c r="T22" s="64"/>
      <c r="U22" s="64"/>
      <c r="V22" s="64"/>
    </row>
    <row r="23" spans="2:22" s="11" customFormat="1" ht="15" customHeight="1">
      <c r="B23" s="87"/>
      <c r="C23" s="88" t="s">
        <v>29</v>
      </c>
      <c r="D23" s="257"/>
      <c r="E23" s="108"/>
      <c r="F23" s="98">
        <v>779</v>
      </c>
      <c r="G23" s="126">
        <v>1805</v>
      </c>
      <c r="H23" s="98">
        <v>836</v>
      </c>
      <c r="I23" s="126">
        <v>969</v>
      </c>
      <c r="J23" s="94">
        <v>225</v>
      </c>
      <c r="K23" s="94">
        <v>1212</v>
      </c>
      <c r="L23" s="94">
        <v>368</v>
      </c>
      <c r="M23" s="95">
        <v>1135</v>
      </c>
      <c r="N23" s="96">
        <v>406</v>
      </c>
      <c r="O23" s="100">
        <v>0</v>
      </c>
      <c r="P23" s="97">
        <v>62.9</v>
      </c>
      <c r="Q23" s="202"/>
      <c r="T23" s="64"/>
      <c r="U23" s="64"/>
      <c r="V23" s="64"/>
    </row>
    <row r="24" spans="2:22" s="11" customFormat="1" ht="15" customHeight="1">
      <c r="B24" s="87"/>
      <c r="C24" s="88" t="s">
        <v>30</v>
      </c>
      <c r="D24" s="257"/>
      <c r="E24" s="108"/>
      <c r="F24" s="98">
        <v>680</v>
      </c>
      <c r="G24" s="126">
        <v>1846</v>
      </c>
      <c r="H24" s="98">
        <v>907</v>
      </c>
      <c r="I24" s="126">
        <v>939</v>
      </c>
      <c r="J24" s="94">
        <v>304</v>
      </c>
      <c r="K24" s="94">
        <v>1229</v>
      </c>
      <c r="L24" s="94">
        <v>313</v>
      </c>
      <c r="M24" s="95">
        <v>2564</v>
      </c>
      <c r="N24" s="96">
        <v>648</v>
      </c>
      <c r="O24" s="96">
        <v>1184</v>
      </c>
      <c r="P24" s="97">
        <v>138.9</v>
      </c>
      <c r="Q24" s="202"/>
      <c r="T24" s="64"/>
      <c r="U24" s="64"/>
      <c r="V24" s="64"/>
    </row>
    <row r="25" spans="2:22" s="11" customFormat="1" ht="15" customHeight="1">
      <c r="B25" s="87"/>
      <c r="C25" s="88" t="s">
        <v>31</v>
      </c>
      <c r="D25" s="257"/>
      <c r="E25" s="108"/>
      <c r="F25" s="98">
        <v>23</v>
      </c>
      <c r="G25" s="126">
        <v>54</v>
      </c>
      <c r="H25" s="98">
        <v>27</v>
      </c>
      <c r="I25" s="126">
        <v>27</v>
      </c>
      <c r="J25" s="94">
        <v>4</v>
      </c>
      <c r="K25" s="94">
        <v>31</v>
      </c>
      <c r="L25" s="94">
        <v>19</v>
      </c>
      <c r="M25" s="95">
        <v>604</v>
      </c>
      <c r="N25" s="96">
        <v>589</v>
      </c>
      <c r="O25" s="100">
        <v>0</v>
      </c>
      <c r="P25" s="97">
        <v>1118.5</v>
      </c>
      <c r="Q25" s="202"/>
      <c r="T25" s="64"/>
      <c r="U25" s="64"/>
      <c r="V25" s="64"/>
    </row>
    <row r="26" spans="2:22" s="11" customFormat="1" ht="15" customHeight="1">
      <c r="B26" s="87"/>
      <c r="C26" s="88" t="s">
        <v>32</v>
      </c>
      <c r="D26" s="257"/>
      <c r="E26" s="108"/>
      <c r="F26" s="98">
        <v>1247</v>
      </c>
      <c r="G26" s="126">
        <v>3205</v>
      </c>
      <c r="H26" s="98">
        <v>1574</v>
      </c>
      <c r="I26" s="126">
        <v>1631</v>
      </c>
      <c r="J26" s="94">
        <v>468</v>
      </c>
      <c r="K26" s="94">
        <v>2118</v>
      </c>
      <c r="L26" s="94">
        <v>619</v>
      </c>
      <c r="M26" s="95">
        <v>2962</v>
      </c>
      <c r="N26" s="96">
        <v>1021</v>
      </c>
      <c r="O26" s="96">
        <v>630</v>
      </c>
      <c r="P26" s="97">
        <v>92.4</v>
      </c>
      <c r="Q26" s="202"/>
      <c r="T26" s="64"/>
      <c r="U26" s="64"/>
      <c r="V26" s="64"/>
    </row>
    <row r="27" spans="2:22" s="11" customFormat="1" ht="15" customHeight="1">
      <c r="B27" s="87" t="s">
        <v>354</v>
      </c>
      <c r="C27" s="88" t="s">
        <v>26</v>
      </c>
      <c r="D27" s="257"/>
      <c r="E27" s="108"/>
      <c r="F27" s="98">
        <v>1046</v>
      </c>
      <c r="G27" s="126">
        <v>2819</v>
      </c>
      <c r="H27" s="98">
        <v>1359</v>
      </c>
      <c r="I27" s="126">
        <v>1460</v>
      </c>
      <c r="J27" s="94">
        <v>480</v>
      </c>
      <c r="K27" s="94">
        <v>1828</v>
      </c>
      <c r="L27" s="94">
        <v>511</v>
      </c>
      <c r="M27" s="95">
        <v>3099</v>
      </c>
      <c r="N27" s="96">
        <v>1520</v>
      </c>
      <c r="O27" s="96">
        <v>395</v>
      </c>
      <c r="P27" s="97">
        <v>109.9</v>
      </c>
      <c r="Q27" s="202"/>
      <c r="T27" s="64"/>
      <c r="U27" s="64"/>
      <c r="V27" s="64"/>
    </row>
    <row r="28" spans="2:22" s="11" customFormat="1" ht="15" customHeight="1">
      <c r="B28" s="87"/>
      <c r="C28" s="88" t="s">
        <v>27</v>
      </c>
      <c r="D28" s="257"/>
      <c r="E28" s="108"/>
      <c r="F28" s="98">
        <v>2143</v>
      </c>
      <c r="G28" s="126">
        <v>4070</v>
      </c>
      <c r="H28" s="98">
        <v>2113</v>
      </c>
      <c r="I28" s="126">
        <v>1957</v>
      </c>
      <c r="J28" s="94">
        <v>444</v>
      </c>
      <c r="K28" s="94">
        <v>2907</v>
      </c>
      <c r="L28" s="94">
        <v>719</v>
      </c>
      <c r="M28" s="95">
        <v>2295</v>
      </c>
      <c r="N28" s="96">
        <v>621</v>
      </c>
      <c r="O28" s="100">
        <v>0</v>
      </c>
      <c r="P28" s="97">
        <v>56.4</v>
      </c>
      <c r="Q28" s="202"/>
      <c r="T28" s="64"/>
      <c r="U28" s="64"/>
      <c r="V28" s="64"/>
    </row>
    <row r="29" spans="2:22" s="11" customFormat="1" ht="15" customHeight="1">
      <c r="B29" s="87"/>
      <c r="C29" s="88" t="s">
        <v>28</v>
      </c>
      <c r="D29" s="257"/>
      <c r="E29" s="108"/>
      <c r="F29" s="98">
        <v>818</v>
      </c>
      <c r="G29" s="126">
        <v>1818</v>
      </c>
      <c r="H29" s="98">
        <v>883</v>
      </c>
      <c r="I29" s="126">
        <v>935</v>
      </c>
      <c r="J29" s="94">
        <v>203</v>
      </c>
      <c r="K29" s="94">
        <v>1264</v>
      </c>
      <c r="L29" s="94">
        <v>351</v>
      </c>
      <c r="M29" s="95">
        <v>1749</v>
      </c>
      <c r="N29" s="96">
        <v>896</v>
      </c>
      <c r="O29" s="100">
        <v>0</v>
      </c>
      <c r="P29" s="97">
        <v>96.2</v>
      </c>
      <c r="Q29" s="202"/>
      <c r="T29" s="64"/>
      <c r="U29" s="64"/>
      <c r="V29" s="64"/>
    </row>
    <row r="30" spans="2:22" s="11" customFormat="1" ht="15" customHeight="1">
      <c r="B30" s="87" t="s">
        <v>355</v>
      </c>
      <c r="C30" s="88" t="s">
        <v>26</v>
      </c>
      <c r="D30" s="257"/>
      <c r="E30" s="108"/>
      <c r="F30" s="98">
        <v>564</v>
      </c>
      <c r="G30" s="126">
        <v>1373</v>
      </c>
      <c r="H30" s="98">
        <v>641</v>
      </c>
      <c r="I30" s="126">
        <v>732</v>
      </c>
      <c r="J30" s="94">
        <v>117</v>
      </c>
      <c r="K30" s="94">
        <v>952</v>
      </c>
      <c r="L30" s="94">
        <v>304</v>
      </c>
      <c r="M30" s="95">
        <v>859</v>
      </c>
      <c r="N30" s="96">
        <v>270</v>
      </c>
      <c r="O30" s="100">
        <v>0</v>
      </c>
      <c r="P30" s="97">
        <v>62.6</v>
      </c>
      <c r="Q30" s="202"/>
      <c r="T30" s="64"/>
      <c r="U30" s="64"/>
      <c r="V30" s="64"/>
    </row>
    <row r="31" spans="2:22" s="11" customFormat="1" ht="15" customHeight="1">
      <c r="B31" s="87"/>
      <c r="C31" s="88" t="s">
        <v>27</v>
      </c>
      <c r="D31" s="257"/>
      <c r="E31" s="108"/>
      <c r="F31" s="98">
        <v>471</v>
      </c>
      <c r="G31" s="126">
        <v>1348</v>
      </c>
      <c r="H31" s="98">
        <v>675</v>
      </c>
      <c r="I31" s="126">
        <v>673</v>
      </c>
      <c r="J31" s="94">
        <v>193</v>
      </c>
      <c r="K31" s="94">
        <v>929</v>
      </c>
      <c r="L31" s="94">
        <v>226</v>
      </c>
      <c r="M31" s="95">
        <v>1084</v>
      </c>
      <c r="N31" s="96">
        <v>552</v>
      </c>
      <c r="O31" s="100">
        <v>0</v>
      </c>
      <c r="P31" s="97">
        <v>80.400000000000006</v>
      </c>
      <c r="Q31" s="202"/>
      <c r="T31" s="64"/>
      <c r="U31" s="64"/>
      <c r="V31" s="64"/>
    </row>
    <row r="32" spans="2:22" s="11" customFormat="1" ht="15" customHeight="1">
      <c r="B32" s="87"/>
      <c r="C32" s="88" t="s">
        <v>28</v>
      </c>
      <c r="D32" s="257"/>
      <c r="E32" s="108"/>
      <c r="F32" s="98">
        <v>473</v>
      </c>
      <c r="G32" s="126">
        <v>1818</v>
      </c>
      <c r="H32" s="98">
        <v>781</v>
      </c>
      <c r="I32" s="126">
        <v>1037</v>
      </c>
      <c r="J32" s="94">
        <v>143</v>
      </c>
      <c r="K32" s="94">
        <v>1153</v>
      </c>
      <c r="L32" s="94">
        <v>522</v>
      </c>
      <c r="M32" s="95">
        <v>2262</v>
      </c>
      <c r="N32" s="96">
        <v>999</v>
      </c>
      <c r="O32" s="103">
        <v>385</v>
      </c>
      <c r="P32" s="109">
        <v>124.4</v>
      </c>
      <c r="Q32" s="202"/>
      <c r="T32" s="64"/>
      <c r="U32" s="64"/>
      <c r="V32" s="64"/>
    </row>
    <row r="33" spans="2:22" s="11" customFormat="1" ht="15" customHeight="1">
      <c r="B33" s="87" t="s">
        <v>356</v>
      </c>
      <c r="C33" s="88" t="s">
        <v>26</v>
      </c>
      <c r="D33" s="257"/>
      <c r="E33" s="108"/>
      <c r="F33" s="98">
        <v>742</v>
      </c>
      <c r="G33" s="126">
        <v>1777</v>
      </c>
      <c r="H33" s="98">
        <v>833</v>
      </c>
      <c r="I33" s="126">
        <v>944</v>
      </c>
      <c r="J33" s="94">
        <v>170</v>
      </c>
      <c r="K33" s="94">
        <v>1193</v>
      </c>
      <c r="L33" s="94">
        <v>414</v>
      </c>
      <c r="M33" s="95">
        <v>1836</v>
      </c>
      <c r="N33" s="96">
        <v>1033</v>
      </c>
      <c r="O33" s="100">
        <v>0</v>
      </c>
      <c r="P33" s="97">
        <v>103.3</v>
      </c>
      <c r="Q33" s="202"/>
      <c r="T33" s="64"/>
      <c r="U33" s="64"/>
      <c r="V33" s="64"/>
    </row>
    <row r="34" spans="2:22" s="11" customFormat="1" ht="15" customHeight="1">
      <c r="B34" s="87"/>
      <c r="C34" s="88" t="s">
        <v>27</v>
      </c>
      <c r="D34" s="257"/>
      <c r="E34" s="108"/>
      <c r="F34" s="98">
        <v>47</v>
      </c>
      <c r="G34" s="126">
        <v>140</v>
      </c>
      <c r="H34" s="98">
        <v>64</v>
      </c>
      <c r="I34" s="126">
        <v>76</v>
      </c>
      <c r="J34" s="94">
        <v>36</v>
      </c>
      <c r="K34" s="94">
        <v>87</v>
      </c>
      <c r="L34" s="94">
        <v>17</v>
      </c>
      <c r="M34" s="95">
        <v>178</v>
      </c>
      <c r="N34" s="96">
        <v>123</v>
      </c>
      <c r="O34" s="100">
        <v>0</v>
      </c>
      <c r="P34" s="97">
        <v>127.1</v>
      </c>
      <c r="Q34" s="202"/>
      <c r="T34" s="64"/>
      <c r="U34" s="64"/>
      <c r="V34" s="64"/>
    </row>
    <row r="35" spans="2:22" s="11" customFormat="1" ht="15" customHeight="1">
      <c r="B35" s="87" t="s">
        <v>357</v>
      </c>
      <c r="C35" s="88" t="s">
        <v>26</v>
      </c>
      <c r="D35" s="257"/>
      <c r="E35" s="108"/>
      <c r="F35" s="98">
        <v>34</v>
      </c>
      <c r="G35" s="126">
        <v>64</v>
      </c>
      <c r="H35" s="98">
        <v>39</v>
      </c>
      <c r="I35" s="126">
        <v>25</v>
      </c>
      <c r="J35" s="94">
        <v>4</v>
      </c>
      <c r="K35" s="94">
        <v>47</v>
      </c>
      <c r="L35" s="94">
        <v>13</v>
      </c>
      <c r="M35" s="95">
        <v>440</v>
      </c>
      <c r="N35" s="96">
        <v>424</v>
      </c>
      <c r="O35" s="100">
        <v>0</v>
      </c>
      <c r="P35" s="97">
        <v>687.5</v>
      </c>
      <c r="Q35" s="202"/>
      <c r="T35" s="64"/>
      <c r="U35" s="64"/>
      <c r="V35" s="64"/>
    </row>
    <row r="36" spans="2:22" s="11" customFormat="1" ht="15" customHeight="1">
      <c r="B36" s="87"/>
      <c r="C36" s="88" t="s">
        <v>27</v>
      </c>
      <c r="D36" s="257"/>
      <c r="E36" s="108"/>
      <c r="F36" s="98">
        <v>811</v>
      </c>
      <c r="G36" s="126">
        <v>2023</v>
      </c>
      <c r="H36" s="98">
        <v>960</v>
      </c>
      <c r="I36" s="126">
        <v>1063</v>
      </c>
      <c r="J36" s="94">
        <v>218</v>
      </c>
      <c r="K36" s="94">
        <v>1445</v>
      </c>
      <c r="L36" s="94">
        <v>360</v>
      </c>
      <c r="M36" s="95">
        <v>1567</v>
      </c>
      <c r="N36" s="96">
        <v>387</v>
      </c>
      <c r="O36" s="96">
        <v>299</v>
      </c>
      <c r="P36" s="97">
        <v>77.5</v>
      </c>
      <c r="Q36" s="202"/>
      <c r="T36" s="64"/>
      <c r="U36" s="64"/>
      <c r="V36" s="64"/>
    </row>
    <row r="37" spans="2:22" s="11" customFormat="1" ht="15" customHeight="1">
      <c r="B37" s="87"/>
      <c r="C37" s="88" t="s">
        <v>28</v>
      </c>
      <c r="D37" s="257"/>
      <c r="E37" s="108"/>
      <c r="F37" s="98">
        <v>857</v>
      </c>
      <c r="G37" s="126">
        <v>1980</v>
      </c>
      <c r="H37" s="98">
        <v>1000</v>
      </c>
      <c r="I37" s="126">
        <v>980</v>
      </c>
      <c r="J37" s="94">
        <v>279</v>
      </c>
      <c r="K37" s="94">
        <v>1342</v>
      </c>
      <c r="L37" s="94">
        <v>359</v>
      </c>
      <c r="M37" s="95">
        <v>1896</v>
      </c>
      <c r="N37" s="96">
        <v>709</v>
      </c>
      <c r="O37" s="96">
        <v>308</v>
      </c>
      <c r="P37" s="97">
        <v>95.8</v>
      </c>
      <c r="Q37" s="202"/>
      <c r="T37" s="64"/>
      <c r="U37" s="64"/>
      <c r="V37" s="64"/>
    </row>
    <row r="38" spans="2:22" s="11" customFormat="1" ht="15" customHeight="1">
      <c r="B38" s="87" t="s">
        <v>358</v>
      </c>
      <c r="C38" s="88" t="s">
        <v>26</v>
      </c>
      <c r="D38" s="257"/>
      <c r="E38" s="108"/>
      <c r="F38" s="98">
        <v>299</v>
      </c>
      <c r="G38" s="126">
        <v>659</v>
      </c>
      <c r="H38" s="98">
        <v>353</v>
      </c>
      <c r="I38" s="126">
        <v>306</v>
      </c>
      <c r="J38" s="94">
        <v>82</v>
      </c>
      <c r="K38" s="94">
        <v>436</v>
      </c>
      <c r="L38" s="94">
        <v>132</v>
      </c>
      <c r="M38" s="95">
        <v>1451</v>
      </c>
      <c r="N38" s="96">
        <v>1131</v>
      </c>
      <c r="O38" s="100">
        <v>0</v>
      </c>
      <c r="P38" s="97">
        <v>223.2</v>
      </c>
      <c r="Q38" s="202"/>
      <c r="T38" s="64"/>
      <c r="U38" s="64"/>
      <c r="V38" s="64"/>
    </row>
    <row r="39" spans="2:22" s="11" customFormat="1" ht="15" customHeight="1">
      <c r="B39" s="87"/>
      <c r="C39" s="88" t="s">
        <v>27</v>
      </c>
      <c r="D39" s="257"/>
      <c r="E39" s="108"/>
      <c r="F39" s="98">
        <v>680</v>
      </c>
      <c r="G39" s="126">
        <v>1516</v>
      </c>
      <c r="H39" s="98">
        <v>781</v>
      </c>
      <c r="I39" s="126">
        <v>735</v>
      </c>
      <c r="J39" s="94">
        <v>179</v>
      </c>
      <c r="K39" s="94">
        <v>1011</v>
      </c>
      <c r="L39" s="94">
        <v>326</v>
      </c>
      <c r="M39" s="95">
        <v>1609</v>
      </c>
      <c r="N39" s="96">
        <v>942</v>
      </c>
      <c r="O39" s="100">
        <v>0</v>
      </c>
      <c r="P39" s="97">
        <v>106.1</v>
      </c>
      <c r="Q39" s="202"/>
      <c r="T39" s="64"/>
      <c r="U39" s="64"/>
      <c r="V39" s="64"/>
    </row>
    <row r="40" spans="2:22" s="11" customFormat="1" ht="15" customHeight="1">
      <c r="B40" s="87" t="s">
        <v>359</v>
      </c>
      <c r="C40" s="88" t="s">
        <v>26</v>
      </c>
      <c r="D40" s="257"/>
      <c r="E40" s="108"/>
      <c r="F40" s="98">
        <v>331</v>
      </c>
      <c r="G40" s="126">
        <v>808</v>
      </c>
      <c r="H40" s="98">
        <v>446</v>
      </c>
      <c r="I40" s="126">
        <v>362</v>
      </c>
      <c r="J40" s="94">
        <v>144</v>
      </c>
      <c r="K40" s="94">
        <v>581</v>
      </c>
      <c r="L40" s="94">
        <v>83</v>
      </c>
      <c r="M40" s="95">
        <v>684</v>
      </c>
      <c r="N40" s="96">
        <v>380</v>
      </c>
      <c r="O40" s="100">
        <v>0</v>
      </c>
      <c r="P40" s="109">
        <v>84.7</v>
      </c>
      <c r="Q40" s="202"/>
      <c r="T40" s="64"/>
      <c r="U40" s="64"/>
      <c r="V40" s="64"/>
    </row>
    <row r="41" spans="2:22" s="11" customFormat="1" ht="15" customHeight="1">
      <c r="B41" s="87"/>
      <c r="C41" s="88" t="s">
        <v>27</v>
      </c>
      <c r="D41" s="257"/>
      <c r="E41" s="108"/>
      <c r="F41" s="98">
        <v>696</v>
      </c>
      <c r="G41" s="126">
        <v>1721</v>
      </c>
      <c r="H41" s="98">
        <v>865</v>
      </c>
      <c r="I41" s="126">
        <v>856</v>
      </c>
      <c r="J41" s="94">
        <v>195</v>
      </c>
      <c r="K41" s="94">
        <v>1152</v>
      </c>
      <c r="L41" s="94">
        <v>374</v>
      </c>
      <c r="M41" s="95">
        <v>1244</v>
      </c>
      <c r="N41" s="96">
        <v>134</v>
      </c>
      <c r="O41" s="96">
        <v>363</v>
      </c>
      <c r="P41" s="97">
        <v>72.3</v>
      </c>
      <c r="Q41" s="202"/>
      <c r="T41" s="64"/>
      <c r="U41" s="64"/>
      <c r="V41" s="64"/>
    </row>
    <row r="42" spans="2:22" s="11" customFormat="1" ht="15" customHeight="1">
      <c r="B42" s="87"/>
      <c r="C42" s="88" t="s">
        <v>28</v>
      </c>
      <c r="D42" s="257"/>
      <c r="E42" s="108"/>
      <c r="F42" s="98">
        <v>654</v>
      </c>
      <c r="G42" s="126">
        <v>1592</v>
      </c>
      <c r="H42" s="98">
        <v>812</v>
      </c>
      <c r="I42" s="126">
        <v>780</v>
      </c>
      <c r="J42" s="94">
        <v>185</v>
      </c>
      <c r="K42" s="94">
        <v>1017</v>
      </c>
      <c r="L42" s="94">
        <v>390</v>
      </c>
      <c r="M42" s="95">
        <v>1083</v>
      </c>
      <c r="N42" s="96">
        <v>391</v>
      </c>
      <c r="O42" s="100">
        <v>0</v>
      </c>
      <c r="P42" s="97">
        <v>68</v>
      </c>
      <c r="Q42" s="202"/>
      <c r="T42" s="64"/>
      <c r="U42" s="64"/>
      <c r="V42" s="64"/>
    </row>
    <row r="43" spans="2:22" s="11" customFormat="1" ht="15" customHeight="1">
      <c r="B43" s="87"/>
      <c r="C43" s="88" t="s">
        <v>29</v>
      </c>
      <c r="D43" s="257"/>
      <c r="E43" s="108"/>
      <c r="F43" s="98">
        <v>973</v>
      </c>
      <c r="G43" s="126">
        <v>2199</v>
      </c>
      <c r="H43" s="98">
        <v>1135</v>
      </c>
      <c r="I43" s="126">
        <v>1064</v>
      </c>
      <c r="J43" s="94">
        <v>247</v>
      </c>
      <c r="K43" s="94">
        <v>1456</v>
      </c>
      <c r="L43" s="94">
        <v>496</v>
      </c>
      <c r="M43" s="95">
        <v>1555</v>
      </c>
      <c r="N43" s="96">
        <v>567</v>
      </c>
      <c r="O43" s="100">
        <v>0</v>
      </c>
      <c r="P43" s="97">
        <v>70.7</v>
      </c>
      <c r="Q43" s="202"/>
      <c r="T43" s="64"/>
      <c r="U43" s="64"/>
      <c r="V43" s="64"/>
    </row>
    <row r="44" spans="2:22" s="11" customFormat="1" ht="15" customHeight="1">
      <c r="B44" s="87"/>
      <c r="C44" s="88" t="s">
        <v>30</v>
      </c>
      <c r="D44" s="257"/>
      <c r="E44" s="108"/>
      <c r="F44" s="98">
        <v>551</v>
      </c>
      <c r="G44" s="126">
        <v>1258</v>
      </c>
      <c r="H44" s="98">
        <v>645</v>
      </c>
      <c r="I44" s="126">
        <v>613</v>
      </c>
      <c r="J44" s="94">
        <v>152</v>
      </c>
      <c r="K44" s="94">
        <v>791</v>
      </c>
      <c r="L44" s="94">
        <v>315</v>
      </c>
      <c r="M44" s="95">
        <v>1229</v>
      </c>
      <c r="N44" s="96">
        <v>620</v>
      </c>
      <c r="O44" s="100">
        <v>0</v>
      </c>
      <c r="P44" s="97">
        <v>97.7</v>
      </c>
      <c r="Q44" s="202"/>
      <c r="T44" s="64"/>
      <c r="U44" s="64"/>
      <c r="V44" s="64"/>
    </row>
    <row r="45" spans="2:22" s="11" customFormat="1" ht="15" customHeight="1">
      <c r="B45" s="87" t="s">
        <v>360</v>
      </c>
      <c r="C45" s="88" t="s">
        <v>26</v>
      </c>
      <c r="D45" s="257"/>
      <c r="E45" s="108"/>
      <c r="F45" s="98">
        <v>307</v>
      </c>
      <c r="G45" s="126">
        <v>858</v>
      </c>
      <c r="H45" s="98">
        <v>444</v>
      </c>
      <c r="I45" s="126">
        <v>414</v>
      </c>
      <c r="J45" s="94">
        <v>150</v>
      </c>
      <c r="K45" s="94">
        <v>570</v>
      </c>
      <c r="L45" s="94">
        <v>138</v>
      </c>
      <c r="M45" s="95">
        <v>939</v>
      </c>
      <c r="N45" s="96">
        <v>579</v>
      </c>
      <c r="O45" s="100">
        <v>0</v>
      </c>
      <c r="P45" s="302">
        <v>109.4</v>
      </c>
      <c r="Q45" s="202"/>
      <c r="T45" s="64"/>
      <c r="U45" s="64"/>
      <c r="V45" s="64"/>
    </row>
    <row r="46" spans="2:22" s="11" customFormat="1" ht="14.25" customHeight="1">
      <c r="B46" s="87"/>
      <c r="C46" s="88" t="s">
        <v>27</v>
      </c>
      <c r="D46" s="257"/>
      <c r="E46" s="108"/>
      <c r="F46" s="98">
        <v>531</v>
      </c>
      <c r="G46" s="126">
        <v>1285</v>
      </c>
      <c r="H46" s="98">
        <v>655</v>
      </c>
      <c r="I46" s="126">
        <v>630</v>
      </c>
      <c r="J46" s="94">
        <v>221</v>
      </c>
      <c r="K46" s="94">
        <v>777</v>
      </c>
      <c r="L46" s="94">
        <v>283</v>
      </c>
      <c r="M46" s="95">
        <v>953</v>
      </c>
      <c r="N46" s="96">
        <v>388</v>
      </c>
      <c r="O46" s="100">
        <v>0</v>
      </c>
      <c r="P46" s="97">
        <v>74.400000000000006</v>
      </c>
      <c r="Q46" s="202"/>
      <c r="T46" s="64"/>
      <c r="U46" s="64"/>
      <c r="V46" s="64"/>
    </row>
    <row r="47" spans="2:22" s="11" customFormat="1" ht="14.25" customHeight="1">
      <c r="B47" s="87"/>
      <c r="C47" s="88" t="s">
        <v>28</v>
      </c>
      <c r="D47" s="257"/>
      <c r="E47" s="108"/>
      <c r="F47" s="98">
        <v>826</v>
      </c>
      <c r="G47" s="126">
        <v>2085</v>
      </c>
      <c r="H47" s="98">
        <v>1031</v>
      </c>
      <c r="I47" s="126">
        <v>1054</v>
      </c>
      <c r="J47" s="94">
        <v>344</v>
      </c>
      <c r="K47" s="94">
        <v>1300</v>
      </c>
      <c r="L47" s="94">
        <v>441</v>
      </c>
      <c r="M47" s="95">
        <v>1641</v>
      </c>
      <c r="N47" s="96">
        <v>354</v>
      </c>
      <c r="O47" s="96">
        <v>338</v>
      </c>
      <c r="P47" s="97">
        <v>78.7</v>
      </c>
      <c r="Q47" s="202"/>
      <c r="T47" s="64"/>
      <c r="U47" s="64"/>
      <c r="V47" s="64"/>
    </row>
    <row r="48" spans="2:22" s="11" customFormat="1" ht="14.25" customHeight="1">
      <c r="B48" s="87"/>
      <c r="C48" s="88" t="s">
        <v>29</v>
      </c>
      <c r="D48" s="257"/>
      <c r="E48" s="108"/>
      <c r="F48" s="98">
        <v>96</v>
      </c>
      <c r="G48" s="126">
        <v>185</v>
      </c>
      <c r="H48" s="98">
        <v>92</v>
      </c>
      <c r="I48" s="126">
        <v>93</v>
      </c>
      <c r="J48" s="94">
        <v>18</v>
      </c>
      <c r="K48" s="94">
        <v>126</v>
      </c>
      <c r="L48" s="94">
        <v>41</v>
      </c>
      <c r="M48" s="95">
        <v>736</v>
      </c>
      <c r="N48" s="96">
        <v>652</v>
      </c>
      <c r="O48" s="100">
        <v>0</v>
      </c>
      <c r="P48" s="97">
        <v>397.8</v>
      </c>
      <c r="Q48" s="202"/>
      <c r="T48" s="64"/>
      <c r="U48" s="64"/>
      <c r="V48" s="64"/>
    </row>
    <row r="49" spans="1:22" s="11" customFormat="1" ht="14.25" customHeight="1">
      <c r="B49" s="87"/>
      <c r="C49" s="88" t="s">
        <v>30</v>
      </c>
      <c r="D49" s="257"/>
      <c r="E49" s="108"/>
      <c r="F49" s="98">
        <v>202</v>
      </c>
      <c r="G49" s="126">
        <v>547</v>
      </c>
      <c r="H49" s="98">
        <v>281</v>
      </c>
      <c r="I49" s="126">
        <v>266</v>
      </c>
      <c r="J49" s="94">
        <v>49</v>
      </c>
      <c r="K49" s="94">
        <v>348</v>
      </c>
      <c r="L49" s="94">
        <v>150</v>
      </c>
      <c r="M49" s="95">
        <v>1472</v>
      </c>
      <c r="N49" s="96">
        <v>1202</v>
      </c>
      <c r="O49" s="100">
        <v>0</v>
      </c>
      <c r="P49" s="97">
        <v>269.10000000000002</v>
      </c>
      <c r="Q49" s="202"/>
      <c r="T49" s="64"/>
      <c r="U49" s="64"/>
      <c r="V49" s="64"/>
    </row>
    <row r="50" spans="1:22" s="11" customFormat="1" ht="14.25" customHeight="1">
      <c r="B50" s="87"/>
      <c r="C50" s="88" t="s">
        <v>31</v>
      </c>
      <c r="D50" s="257"/>
      <c r="E50" s="108"/>
      <c r="F50" s="98">
        <v>616</v>
      </c>
      <c r="G50" s="126">
        <v>1501</v>
      </c>
      <c r="H50" s="98">
        <v>767</v>
      </c>
      <c r="I50" s="98">
        <v>734</v>
      </c>
      <c r="J50" s="123">
        <v>174</v>
      </c>
      <c r="K50" s="94">
        <v>930</v>
      </c>
      <c r="L50" s="94">
        <v>397</v>
      </c>
      <c r="M50" s="95">
        <v>1726</v>
      </c>
      <c r="N50" s="134">
        <v>652</v>
      </c>
      <c r="O50" s="96">
        <v>380</v>
      </c>
      <c r="P50" s="97">
        <v>115</v>
      </c>
      <c r="Q50" s="203"/>
      <c r="T50" s="64"/>
      <c r="U50" s="64"/>
      <c r="V50" s="64"/>
    </row>
    <row r="51" spans="1:22" s="11" customFormat="1" ht="14.25" customHeight="1">
      <c r="B51" s="87"/>
      <c r="C51" s="88" t="s">
        <v>32</v>
      </c>
      <c r="D51" s="257"/>
      <c r="E51" s="108"/>
      <c r="F51" s="101" t="s">
        <v>96</v>
      </c>
      <c r="G51" s="101" t="s">
        <v>96</v>
      </c>
      <c r="H51" s="101" t="s">
        <v>96</v>
      </c>
      <c r="I51" s="101" t="s">
        <v>96</v>
      </c>
      <c r="J51" s="101" t="s">
        <v>96</v>
      </c>
      <c r="K51" s="101" t="s">
        <v>96</v>
      </c>
      <c r="L51" s="101" t="s">
        <v>96</v>
      </c>
      <c r="M51" s="102">
        <v>593</v>
      </c>
      <c r="N51" s="100">
        <v>593</v>
      </c>
      <c r="O51" s="100">
        <v>0</v>
      </c>
      <c r="P51" s="104" t="s">
        <v>99</v>
      </c>
      <c r="Q51" s="203"/>
      <c r="T51" s="64"/>
      <c r="U51" s="64"/>
      <c r="V51" s="64"/>
    </row>
    <row r="52" spans="1:22" s="11" customFormat="1" ht="14.25" customHeight="1">
      <c r="B52" s="87" t="s">
        <v>361</v>
      </c>
      <c r="C52" s="88" t="s">
        <v>26</v>
      </c>
      <c r="D52" s="257"/>
      <c r="E52" s="108"/>
      <c r="F52" s="98">
        <v>860</v>
      </c>
      <c r="G52" s="126">
        <v>2239</v>
      </c>
      <c r="H52" s="98">
        <v>1047</v>
      </c>
      <c r="I52" s="98">
        <v>1192</v>
      </c>
      <c r="J52" s="123">
        <v>320</v>
      </c>
      <c r="K52" s="94">
        <v>1436</v>
      </c>
      <c r="L52" s="94">
        <v>483</v>
      </c>
      <c r="M52" s="95">
        <v>1640</v>
      </c>
      <c r="N52" s="134">
        <v>693</v>
      </c>
      <c r="O52" s="100">
        <v>0</v>
      </c>
      <c r="P52" s="97">
        <v>73.2</v>
      </c>
      <c r="Q52" s="203"/>
      <c r="T52" s="64"/>
      <c r="U52" s="64"/>
      <c r="V52" s="64"/>
    </row>
    <row r="53" spans="1:22" s="11" customFormat="1" ht="13.5" customHeight="1">
      <c r="B53" s="87" t="s">
        <v>123</v>
      </c>
      <c r="C53" s="88" t="s">
        <v>27</v>
      </c>
      <c r="D53" s="257"/>
      <c r="E53" s="108"/>
      <c r="F53" s="98">
        <v>770</v>
      </c>
      <c r="G53" s="126">
        <v>1661</v>
      </c>
      <c r="H53" s="98">
        <v>889</v>
      </c>
      <c r="I53" s="98">
        <v>772</v>
      </c>
      <c r="J53" s="123">
        <v>208</v>
      </c>
      <c r="K53" s="94">
        <v>1162</v>
      </c>
      <c r="L53" s="94">
        <v>291</v>
      </c>
      <c r="M53" s="95">
        <v>1776</v>
      </c>
      <c r="N53" s="134">
        <v>711</v>
      </c>
      <c r="O53" s="96">
        <v>422</v>
      </c>
      <c r="P53" s="97">
        <v>106.9</v>
      </c>
      <c r="Q53" s="203"/>
      <c r="T53" s="64"/>
      <c r="U53" s="64"/>
      <c r="V53" s="64"/>
    </row>
    <row r="54" spans="1:22" s="11" customFormat="1" ht="13.5" customHeight="1">
      <c r="B54" s="87"/>
      <c r="C54" s="88" t="s">
        <v>28</v>
      </c>
      <c r="D54" s="257"/>
      <c r="E54" s="108"/>
      <c r="F54" s="98">
        <v>918</v>
      </c>
      <c r="G54" s="126">
        <v>2427</v>
      </c>
      <c r="H54" s="98">
        <v>1177</v>
      </c>
      <c r="I54" s="98">
        <v>1250</v>
      </c>
      <c r="J54" s="123">
        <v>328</v>
      </c>
      <c r="K54" s="94">
        <v>1549</v>
      </c>
      <c r="L54" s="94">
        <v>549</v>
      </c>
      <c r="M54" s="95">
        <v>1587</v>
      </c>
      <c r="N54" s="134">
        <v>498</v>
      </c>
      <c r="O54" s="100">
        <v>0</v>
      </c>
      <c r="P54" s="97">
        <v>65.400000000000006</v>
      </c>
      <c r="Q54" s="202"/>
      <c r="T54" s="64"/>
      <c r="U54" s="64"/>
      <c r="V54" s="64"/>
    </row>
    <row r="55" spans="1:22" s="11" customFormat="1" ht="7.5" customHeight="1">
      <c r="B55" s="87"/>
      <c r="C55" s="415" t="s">
        <v>29</v>
      </c>
      <c r="D55" s="257"/>
      <c r="E55" s="447" t="s">
        <v>362</v>
      </c>
      <c r="F55" s="405">
        <v>1321</v>
      </c>
      <c r="G55" s="126">
        <v>2764</v>
      </c>
      <c r="H55" s="405">
        <v>1325</v>
      </c>
      <c r="I55" s="405">
        <v>1439</v>
      </c>
      <c r="J55" s="427">
        <v>261</v>
      </c>
      <c r="K55" s="427">
        <v>1606</v>
      </c>
      <c r="L55" s="428">
        <v>907</v>
      </c>
      <c r="M55" s="437">
        <v>2181</v>
      </c>
      <c r="N55" s="433">
        <v>581</v>
      </c>
      <c r="O55" s="433">
        <v>0</v>
      </c>
      <c r="P55" s="434">
        <v>78.900000000000006</v>
      </c>
      <c r="Q55" s="203"/>
      <c r="T55" s="64"/>
      <c r="U55" s="64"/>
      <c r="V55" s="64"/>
    </row>
    <row r="56" spans="1:22" s="11" customFormat="1" ht="7.5" customHeight="1">
      <c r="B56" s="87"/>
      <c r="C56" s="415"/>
      <c r="D56" s="257"/>
      <c r="E56" s="447"/>
      <c r="F56" s="405"/>
      <c r="G56" s="237">
        <v>2774</v>
      </c>
      <c r="H56" s="405"/>
      <c r="I56" s="405"/>
      <c r="J56" s="427"/>
      <c r="K56" s="427"/>
      <c r="L56" s="428"/>
      <c r="M56" s="437"/>
      <c r="N56" s="433"/>
      <c r="O56" s="433"/>
      <c r="P56" s="434">
        <v>0</v>
      </c>
      <c r="Q56" s="203"/>
      <c r="T56" s="64"/>
      <c r="U56" s="64"/>
      <c r="V56" s="64"/>
    </row>
    <row r="57" spans="1:22" s="11" customFormat="1" ht="13.5" customHeight="1">
      <c r="B57" s="87"/>
      <c r="C57" s="88" t="s">
        <v>30</v>
      </c>
      <c r="D57" s="257"/>
      <c r="E57" s="108" t="s">
        <v>363</v>
      </c>
      <c r="F57" s="98">
        <v>5</v>
      </c>
      <c r="G57" s="126">
        <v>10</v>
      </c>
      <c r="H57" s="98">
        <v>6</v>
      </c>
      <c r="I57" s="98">
        <v>4</v>
      </c>
      <c r="J57" s="98" t="s">
        <v>229</v>
      </c>
      <c r="K57" s="98" t="s">
        <v>229</v>
      </c>
      <c r="L57" s="98" t="s">
        <v>229</v>
      </c>
      <c r="M57" s="95">
        <v>607</v>
      </c>
      <c r="N57" s="134">
        <v>605</v>
      </c>
      <c r="O57" s="100">
        <v>0</v>
      </c>
      <c r="P57" s="97">
        <v>6070</v>
      </c>
      <c r="Q57" s="203"/>
      <c r="T57" s="64"/>
      <c r="U57" s="64"/>
      <c r="V57" s="64"/>
    </row>
    <row r="58" spans="1:22" s="11" customFormat="1" ht="13.5" customHeight="1">
      <c r="B58" s="87" t="s">
        <v>364</v>
      </c>
      <c r="C58" s="88" t="s">
        <v>26</v>
      </c>
      <c r="D58" s="257"/>
      <c r="E58" s="108"/>
      <c r="F58" s="101" t="s">
        <v>96</v>
      </c>
      <c r="G58" s="101" t="s">
        <v>96</v>
      </c>
      <c r="H58" s="101" t="s">
        <v>96</v>
      </c>
      <c r="I58" s="101" t="s">
        <v>96</v>
      </c>
      <c r="J58" s="101" t="s">
        <v>96</v>
      </c>
      <c r="K58" s="101" t="s">
        <v>96</v>
      </c>
      <c r="L58" s="101" t="s">
        <v>96</v>
      </c>
      <c r="M58" s="102">
        <v>1722</v>
      </c>
      <c r="N58" s="100">
        <v>1722</v>
      </c>
      <c r="O58" s="100">
        <v>0</v>
      </c>
      <c r="P58" s="104" t="s">
        <v>99</v>
      </c>
      <c r="Q58" s="203"/>
      <c r="T58" s="64"/>
      <c r="U58" s="64"/>
      <c r="V58" s="64"/>
    </row>
    <row r="59" spans="1:22" s="11" customFormat="1" ht="13.5" customHeight="1">
      <c r="B59" s="87"/>
      <c r="C59" s="88" t="s">
        <v>27</v>
      </c>
      <c r="D59" s="257"/>
      <c r="E59" s="108"/>
      <c r="F59" s="101" t="s">
        <v>96</v>
      </c>
      <c r="G59" s="101" t="s">
        <v>96</v>
      </c>
      <c r="H59" s="101" t="s">
        <v>96</v>
      </c>
      <c r="I59" s="101" t="s">
        <v>96</v>
      </c>
      <c r="J59" s="101" t="s">
        <v>96</v>
      </c>
      <c r="K59" s="101" t="s">
        <v>96</v>
      </c>
      <c r="L59" s="101" t="s">
        <v>96</v>
      </c>
      <c r="M59" s="102">
        <v>459</v>
      </c>
      <c r="N59" s="100">
        <v>459</v>
      </c>
      <c r="O59" s="100">
        <v>0</v>
      </c>
      <c r="P59" s="104" t="s">
        <v>99</v>
      </c>
      <c r="Q59" s="203"/>
      <c r="T59" s="64"/>
      <c r="U59" s="64"/>
      <c r="V59" s="64"/>
    </row>
    <row r="60" spans="1:22" s="11" customFormat="1" ht="13.5" customHeight="1">
      <c r="B60" s="303" t="s">
        <v>206</v>
      </c>
      <c r="C60" s="286"/>
      <c r="D60" s="286"/>
      <c r="E60" s="108"/>
      <c r="F60" s="101" t="s">
        <v>96</v>
      </c>
      <c r="G60" s="101" t="s">
        <v>96</v>
      </c>
      <c r="H60" s="101" t="s">
        <v>96</v>
      </c>
      <c r="I60" s="101" t="s">
        <v>96</v>
      </c>
      <c r="J60" s="101" t="s">
        <v>96</v>
      </c>
      <c r="K60" s="101" t="s">
        <v>96</v>
      </c>
      <c r="L60" s="104" t="s">
        <v>96</v>
      </c>
      <c r="M60" s="125">
        <v>0</v>
      </c>
      <c r="N60" s="100">
        <v>0</v>
      </c>
      <c r="O60" s="100">
        <v>0</v>
      </c>
      <c r="P60" s="104" t="s">
        <v>99</v>
      </c>
      <c r="Q60" s="203"/>
      <c r="T60" s="64"/>
      <c r="U60" s="64"/>
      <c r="V60" s="64"/>
    </row>
    <row r="61" spans="1:22" ht="2.25" customHeight="1">
      <c r="A61" s="141"/>
      <c r="B61" s="168"/>
      <c r="C61" s="168"/>
      <c r="D61" s="168"/>
      <c r="E61" s="304"/>
      <c r="F61" s="305"/>
      <c r="G61" s="306"/>
      <c r="H61" s="305"/>
      <c r="I61" s="305"/>
      <c r="J61" s="307"/>
      <c r="K61" s="305"/>
      <c r="L61" s="306"/>
      <c r="M61" s="308"/>
      <c r="N61" s="309"/>
      <c r="O61" s="309"/>
      <c r="P61" s="310"/>
      <c r="Q61" s="203"/>
      <c r="R61" s="11"/>
      <c r="S61" s="11"/>
      <c r="T61" s="64"/>
      <c r="U61" s="64"/>
      <c r="V61" s="64"/>
    </row>
    <row r="62" spans="1:22">
      <c r="F62" s="148"/>
      <c r="G62" s="148"/>
      <c r="H62" s="148"/>
      <c r="I62" s="148"/>
      <c r="J62" s="148"/>
      <c r="K62" s="148"/>
      <c r="L62" s="148"/>
      <c r="M62" s="149"/>
      <c r="N62" s="149"/>
      <c r="O62" s="149"/>
      <c r="P62" s="150"/>
      <c r="Q62" s="205"/>
    </row>
    <row r="63" spans="1:22">
      <c r="F63" s="148"/>
      <c r="G63" s="148"/>
      <c r="H63" s="148"/>
      <c r="I63" s="148"/>
      <c r="J63" s="148"/>
      <c r="K63" s="148"/>
      <c r="L63" s="148"/>
      <c r="M63" s="149"/>
      <c r="N63" s="149"/>
      <c r="O63" s="149"/>
      <c r="P63" s="150"/>
    </row>
    <row r="64" spans="1:22">
      <c r="F64" s="151"/>
      <c r="G64" s="151"/>
      <c r="H64" s="151"/>
      <c r="I64" s="151"/>
      <c r="J64" s="151"/>
      <c r="K64" s="151"/>
      <c r="L64" s="151"/>
      <c r="P64" s="46"/>
    </row>
    <row r="65" spans="6:16">
      <c r="F65" s="151"/>
      <c r="G65" s="151"/>
      <c r="H65" s="151"/>
      <c r="I65" s="151"/>
      <c r="J65" s="151"/>
      <c r="K65" s="151"/>
      <c r="L65" s="151"/>
      <c r="P65" s="46"/>
    </row>
    <row r="66" spans="6:16">
      <c r="F66" s="151"/>
      <c r="G66" s="151"/>
      <c r="H66" s="151"/>
      <c r="I66" s="151"/>
      <c r="J66" s="151"/>
      <c r="K66" s="151"/>
      <c r="L66" s="151"/>
      <c r="P66" s="46"/>
    </row>
    <row r="67" spans="6:16">
      <c r="F67" s="151"/>
      <c r="G67" s="151"/>
      <c r="H67" s="151"/>
      <c r="I67" s="151"/>
      <c r="J67" s="151"/>
      <c r="K67" s="151"/>
      <c r="L67" s="151"/>
      <c r="P67" s="46"/>
    </row>
    <row r="68" spans="6:16">
      <c r="F68" s="151"/>
      <c r="G68" s="151"/>
      <c r="H68" s="151"/>
      <c r="I68" s="151"/>
      <c r="J68" s="151"/>
      <c r="K68" s="151"/>
      <c r="L68" s="151"/>
      <c r="P68" s="46"/>
    </row>
  </sheetData>
  <mergeCells count="21">
    <mergeCell ref="F6:F7"/>
    <mergeCell ref="G6:I6"/>
    <mergeCell ref="J6:L6"/>
    <mergeCell ref="M6:O6"/>
    <mergeCell ref="P6:P7"/>
    <mergeCell ref="P55:P56"/>
    <mergeCell ref="A1:D1"/>
    <mergeCell ref="J55:J56"/>
    <mergeCell ref="K55:K56"/>
    <mergeCell ref="L55:L56"/>
    <mergeCell ref="M55:M56"/>
    <mergeCell ref="N55:N56"/>
    <mergeCell ref="O55:O56"/>
    <mergeCell ref="B9:C9"/>
    <mergeCell ref="C55:C56"/>
    <mergeCell ref="E55:E56"/>
    <mergeCell ref="F55:F56"/>
    <mergeCell ref="H55:H56"/>
    <mergeCell ref="I55:I56"/>
    <mergeCell ref="A4:P4"/>
    <mergeCell ref="B6:C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orientation="portrait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1"/>
  <sheetViews>
    <sheetView zoomScaleNormal="100" zoomScaleSheetLayoutView="115" workbookViewId="0">
      <pane ySplit="7" topLeftCell="A8" activePane="bottomLeft" state="frozen"/>
      <selection pane="bottomLeft" sqref="A1: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164062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10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6" t="s">
        <v>365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5" customFormat="1" ht="6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64" customFormat="1" ht="20.25" customHeight="1">
      <c r="B9" s="429" t="s">
        <v>92</v>
      </c>
      <c r="C9" s="432"/>
      <c r="D9" s="255"/>
      <c r="E9" s="256"/>
      <c r="F9" s="152">
        <v>30965</v>
      </c>
      <c r="G9" s="152">
        <v>64137</v>
      </c>
      <c r="H9" s="154">
        <v>29813</v>
      </c>
      <c r="I9" s="155">
        <v>34324</v>
      </c>
      <c r="J9" s="81">
        <v>8140</v>
      </c>
      <c r="K9" s="83">
        <v>44419</v>
      </c>
      <c r="L9" s="83">
        <v>11387</v>
      </c>
      <c r="M9" s="84">
        <v>120623</v>
      </c>
      <c r="N9" s="85">
        <v>65170</v>
      </c>
      <c r="O9" s="85">
        <v>29621</v>
      </c>
      <c r="P9" s="86">
        <v>188.6</v>
      </c>
    </row>
    <row r="10" spans="1:16" s="11" customFormat="1" ht="7.5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20.25" customHeight="1">
      <c r="B11" s="87" t="s">
        <v>366</v>
      </c>
      <c r="C11" s="88" t="s">
        <v>26</v>
      </c>
      <c r="D11" s="257"/>
      <c r="E11" s="108"/>
      <c r="F11" s="91">
        <v>145</v>
      </c>
      <c r="G11" s="91">
        <v>319</v>
      </c>
      <c r="H11" s="92">
        <v>136</v>
      </c>
      <c r="I11" s="99">
        <v>183</v>
      </c>
      <c r="J11" s="94">
        <v>44</v>
      </c>
      <c r="K11" s="94">
        <v>240</v>
      </c>
      <c r="L11" s="94">
        <v>35</v>
      </c>
      <c r="M11" s="95">
        <v>392</v>
      </c>
      <c r="N11" s="96">
        <v>285</v>
      </c>
      <c r="O11" s="277">
        <v>0</v>
      </c>
      <c r="P11" s="97">
        <v>122.9</v>
      </c>
    </row>
    <row r="12" spans="1:16" s="11" customFormat="1" ht="20.25" customHeight="1">
      <c r="B12" s="87"/>
      <c r="C12" s="88" t="s">
        <v>27</v>
      </c>
      <c r="D12" s="257"/>
      <c r="E12" s="108"/>
      <c r="F12" s="91">
        <v>112</v>
      </c>
      <c r="G12" s="91">
        <v>230</v>
      </c>
      <c r="H12" s="92">
        <v>95</v>
      </c>
      <c r="I12" s="99">
        <v>135</v>
      </c>
      <c r="J12" s="94">
        <v>39</v>
      </c>
      <c r="K12" s="94">
        <v>178</v>
      </c>
      <c r="L12" s="94">
        <v>13</v>
      </c>
      <c r="M12" s="95">
        <v>246</v>
      </c>
      <c r="N12" s="96">
        <v>161</v>
      </c>
      <c r="O12" s="277">
        <v>0</v>
      </c>
      <c r="P12" s="97">
        <v>107</v>
      </c>
    </row>
    <row r="13" spans="1:16" s="11" customFormat="1" ht="20.25" customHeight="1">
      <c r="B13" s="87"/>
      <c r="C13" s="88" t="s">
        <v>28</v>
      </c>
      <c r="D13" s="257"/>
      <c r="E13" s="108"/>
      <c r="F13" s="91">
        <v>175</v>
      </c>
      <c r="G13" s="91">
        <v>392</v>
      </c>
      <c r="H13" s="92">
        <v>183</v>
      </c>
      <c r="I13" s="99">
        <v>209</v>
      </c>
      <c r="J13" s="94">
        <v>76</v>
      </c>
      <c r="K13" s="94">
        <v>269</v>
      </c>
      <c r="L13" s="94">
        <v>47</v>
      </c>
      <c r="M13" s="95">
        <v>530</v>
      </c>
      <c r="N13" s="96">
        <v>380</v>
      </c>
      <c r="O13" s="277">
        <v>0</v>
      </c>
      <c r="P13" s="97">
        <v>135.19999999999999</v>
      </c>
    </row>
    <row r="14" spans="1:16" s="11" customFormat="1" ht="20.25" customHeight="1">
      <c r="B14" s="87"/>
      <c r="C14" s="88" t="s">
        <v>29</v>
      </c>
      <c r="D14" s="257"/>
      <c r="E14" s="108"/>
      <c r="F14" s="91">
        <v>30</v>
      </c>
      <c r="G14" s="91">
        <v>49</v>
      </c>
      <c r="H14" s="92">
        <v>20</v>
      </c>
      <c r="I14" s="99">
        <v>29</v>
      </c>
      <c r="J14" s="94">
        <v>1</v>
      </c>
      <c r="K14" s="94">
        <v>37</v>
      </c>
      <c r="L14" s="94">
        <v>11</v>
      </c>
      <c r="M14" s="95">
        <v>161</v>
      </c>
      <c r="N14" s="96">
        <v>137</v>
      </c>
      <c r="O14" s="277">
        <v>0</v>
      </c>
      <c r="P14" s="97">
        <v>328.6</v>
      </c>
    </row>
    <row r="15" spans="1:16" s="11" customFormat="1" ht="20.25" customHeight="1">
      <c r="B15" s="87"/>
      <c r="C15" s="88" t="s">
        <v>30</v>
      </c>
      <c r="D15" s="257"/>
      <c r="E15" s="108"/>
      <c r="F15" s="91">
        <v>453</v>
      </c>
      <c r="G15" s="91">
        <v>778</v>
      </c>
      <c r="H15" s="92">
        <v>333</v>
      </c>
      <c r="I15" s="99">
        <v>445</v>
      </c>
      <c r="J15" s="94">
        <v>63</v>
      </c>
      <c r="K15" s="94">
        <v>622</v>
      </c>
      <c r="L15" s="94">
        <v>93</v>
      </c>
      <c r="M15" s="95">
        <v>1440</v>
      </c>
      <c r="N15" s="96">
        <v>1080</v>
      </c>
      <c r="O15" s="277">
        <v>0</v>
      </c>
      <c r="P15" s="97">
        <v>185.1</v>
      </c>
    </row>
    <row r="16" spans="1:16" s="11" customFormat="1" ht="20.25" customHeight="1">
      <c r="B16" s="87"/>
      <c r="C16" s="88" t="s">
        <v>31</v>
      </c>
      <c r="D16" s="257"/>
      <c r="E16" s="108"/>
      <c r="F16" s="91">
        <v>795</v>
      </c>
      <c r="G16" s="91">
        <v>1476</v>
      </c>
      <c r="H16" s="92">
        <v>630</v>
      </c>
      <c r="I16" s="99">
        <v>846</v>
      </c>
      <c r="J16" s="94">
        <v>154</v>
      </c>
      <c r="K16" s="94">
        <v>1052</v>
      </c>
      <c r="L16" s="94">
        <v>268</v>
      </c>
      <c r="M16" s="95">
        <v>6381</v>
      </c>
      <c r="N16" s="96">
        <v>5219</v>
      </c>
      <c r="O16" s="96">
        <v>563</v>
      </c>
      <c r="P16" s="97">
        <v>432.9</v>
      </c>
    </row>
    <row r="17" spans="2:16" s="11" customFormat="1" ht="20.25" customHeight="1">
      <c r="B17" s="87"/>
      <c r="C17" s="88" t="s">
        <v>32</v>
      </c>
      <c r="D17" s="257"/>
      <c r="E17" s="108"/>
      <c r="F17" s="91">
        <v>200</v>
      </c>
      <c r="G17" s="91">
        <v>420</v>
      </c>
      <c r="H17" s="92">
        <v>200</v>
      </c>
      <c r="I17" s="99">
        <v>220</v>
      </c>
      <c r="J17" s="94">
        <v>55</v>
      </c>
      <c r="K17" s="94">
        <v>295</v>
      </c>
      <c r="L17" s="94">
        <v>70</v>
      </c>
      <c r="M17" s="95">
        <v>830</v>
      </c>
      <c r="N17" s="96">
        <v>668</v>
      </c>
      <c r="O17" s="277">
        <v>0</v>
      </c>
      <c r="P17" s="97">
        <v>197.6</v>
      </c>
    </row>
    <row r="18" spans="2:16" s="11" customFormat="1" ht="20.25" customHeight="1">
      <c r="B18" s="87"/>
      <c r="C18" s="88" t="s">
        <v>33</v>
      </c>
      <c r="D18" s="257"/>
      <c r="E18" s="108"/>
      <c r="F18" s="91">
        <v>577</v>
      </c>
      <c r="G18" s="91">
        <v>1273</v>
      </c>
      <c r="H18" s="92">
        <v>595</v>
      </c>
      <c r="I18" s="99">
        <v>678</v>
      </c>
      <c r="J18" s="94">
        <v>203</v>
      </c>
      <c r="K18" s="94">
        <v>932</v>
      </c>
      <c r="L18" s="94">
        <v>132</v>
      </c>
      <c r="M18" s="95">
        <v>1965</v>
      </c>
      <c r="N18" s="96">
        <v>1208</v>
      </c>
      <c r="O18" s="96">
        <v>304</v>
      </c>
      <c r="P18" s="97">
        <v>155.1</v>
      </c>
    </row>
    <row r="19" spans="2:16" s="11" customFormat="1" ht="20.25" customHeight="1">
      <c r="B19" s="87"/>
      <c r="C19" s="88" t="s">
        <v>34</v>
      </c>
      <c r="D19" s="257"/>
      <c r="E19" s="108"/>
      <c r="F19" s="91">
        <v>602</v>
      </c>
      <c r="G19" s="91">
        <v>1460</v>
      </c>
      <c r="H19" s="92">
        <v>657</v>
      </c>
      <c r="I19" s="99">
        <v>803</v>
      </c>
      <c r="J19" s="94">
        <v>231</v>
      </c>
      <c r="K19" s="94">
        <v>1000</v>
      </c>
      <c r="L19" s="94">
        <v>220</v>
      </c>
      <c r="M19" s="95">
        <v>1348</v>
      </c>
      <c r="N19" s="96">
        <v>813</v>
      </c>
      <c r="O19" s="277">
        <v>0</v>
      </c>
      <c r="P19" s="97">
        <v>92.9</v>
      </c>
    </row>
    <row r="20" spans="2:16" s="11" customFormat="1" ht="20.25" customHeight="1">
      <c r="B20" s="87" t="s">
        <v>211</v>
      </c>
      <c r="C20" s="88" t="s">
        <v>28</v>
      </c>
      <c r="D20" s="257"/>
      <c r="E20" s="108"/>
      <c r="F20" s="91">
        <v>661</v>
      </c>
      <c r="G20" s="91">
        <v>1207</v>
      </c>
      <c r="H20" s="92">
        <v>566</v>
      </c>
      <c r="I20" s="99">
        <v>641</v>
      </c>
      <c r="J20" s="94">
        <v>113</v>
      </c>
      <c r="K20" s="94">
        <v>885</v>
      </c>
      <c r="L20" s="94">
        <v>208</v>
      </c>
      <c r="M20" s="95">
        <v>2219</v>
      </c>
      <c r="N20" s="96">
        <v>1101</v>
      </c>
      <c r="O20" s="96">
        <v>590</v>
      </c>
      <c r="P20" s="97">
        <v>184</v>
      </c>
    </row>
    <row r="21" spans="2:16" s="11" customFormat="1" ht="20.25" customHeight="1">
      <c r="B21" s="87"/>
      <c r="C21" s="88" t="s">
        <v>29</v>
      </c>
      <c r="D21" s="257"/>
      <c r="E21" s="108"/>
      <c r="F21" s="91">
        <v>247</v>
      </c>
      <c r="G21" s="91">
        <v>398</v>
      </c>
      <c r="H21" s="92">
        <v>195</v>
      </c>
      <c r="I21" s="99">
        <v>203</v>
      </c>
      <c r="J21" s="94">
        <v>47</v>
      </c>
      <c r="K21" s="94">
        <v>278</v>
      </c>
      <c r="L21" s="94">
        <v>59</v>
      </c>
      <c r="M21" s="95">
        <v>806</v>
      </c>
      <c r="N21" s="96">
        <v>495</v>
      </c>
      <c r="O21" s="96">
        <v>121</v>
      </c>
      <c r="P21" s="97">
        <v>209.9</v>
      </c>
    </row>
    <row r="22" spans="2:16" s="11" customFormat="1" ht="20.25" customHeight="1">
      <c r="B22" s="87"/>
      <c r="C22" s="88" t="s">
        <v>30</v>
      </c>
      <c r="D22" s="257"/>
      <c r="E22" s="108"/>
      <c r="F22" s="91">
        <v>226</v>
      </c>
      <c r="G22" s="91">
        <v>513</v>
      </c>
      <c r="H22" s="92">
        <v>246</v>
      </c>
      <c r="I22" s="99">
        <v>267</v>
      </c>
      <c r="J22" s="94">
        <v>74</v>
      </c>
      <c r="K22" s="94">
        <v>367</v>
      </c>
      <c r="L22" s="94">
        <v>72</v>
      </c>
      <c r="M22" s="95">
        <v>813</v>
      </c>
      <c r="N22" s="96">
        <v>592</v>
      </c>
      <c r="O22" s="277">
        <v>0</v>
      </c>
      <c r="P22" s="97">
        <v>158.5</v>
      </c>
    </row>
    <row r="23" spans="2:16" s="11" customFormat="1" ht="20.25" customHeight="1">
      <c r="B23" s="87"/>
      <c r="C23" s="88" t="s">
        <v>31</v>
      </c>
      <c r="D23" s="257"/>
      <c r="E23" s="108"/>
      <c r="F23" s="91">
        <v>131</v>
      </c>
      <c r="G23" s="91">
        <v>237</v>
      </c>
      <c r="H23" s="92">
        <v>129</v>
      </c>
      <c r="I23" s="99">
        <v>108</v>
      </c>
      <c r="J23" s="94">
        <v>24</v>
      </c>
      <c r="K23" s="94">
        <v>166</v>
      </c>
      <c r="L23" s="94">
        <v>47</v>
      </c>
      <c r="M23" s="95">
        <v>608</v>
      </c>
      <c r="N23" s="96">
        <v>520</v>
      </c>
      <c r="O23" s="277">
        <v>0</v>
      </c>
      <c r="P23" s="97">
        <v>256.5</v>
      </c>
    </row>
    <row r="24" spans="2:16" s="11" customFormat="1" ht="20.25" customHeight="1">
      <c r="B24" s="87" t="s">
        <v>367</v>
      </c>
      <c r="C24" s="88"/>
      <c r="D24" s="257"/>
      <c r="E24" s="108"/>
      <c r="F24" s="91">
        <v>880</v>
      </c>
      <c r="G24" s="91">
        <v>1392</v>
      </c>
      <c r="H24" s="92">
        <v>644</v>
      </c>
      <c r="I24" s="99">
        <v>748</v>
      </c>
      <c r="J24" s="94">
        <v>92</v>
      </c>
      <c r="K24" s="94">
        <v>1059</v>
      </c>
      <c r="L24" s="94">
        <v>234</v>
      </c>
      <c r="M24" s="95">
        <v>2544</v>
      </c>
      <c r="N24" s="96">
        <v>1462</v>
      </c>
      <c r="O24" s="96">
        <v>470</v>
      </c>
      <c r="P24" s="97">
        <v>183.7</v>
      </c>
    </row>
    <row r="25" spans="2:16" s="11" customFormat="1" ht="19.5" customHeight="1">
      <c r="B25" s="87" t="s">
        <v>368</v>
      </c>
      <c r="C25" s="88"/>
      <c r="D25" s="257"/>
      <c r="E25" s="108"/>
      <c r="F25" s="91">
        <v>303</v>
      </c>
      <c r="G25" s="91">
        <v>612</v>
      </c>
      <c r="H25" s="92">
        <v>275</v>
      </c>
      <c r="I25" s="99">
        <v>337</v>
      </c>
      <c r="J25" s="94">
        <v>41</v>
      </c>
      <c r="K25" s="94">
        <v>389</v>
      </c>
      <c r="L25" s="94">
        <v>182</v>
      </c>
      <c r="M25" s="95">
        <v>1584</v>
      </c>
      <c r="N25" s="96">
        <v>1253</v>
      </c>
      <c r="O25" s="277">
        <v>0</v>
      </c>
      <c r="P25" s="97">
        <v>258.8</v>
      </c>
    </row>
    <row r="26" spans="2:16" s="11" customFormat="1" ht="19.5" customHeight="1">
      <c r="B26" s="87" t="s">
        <v>369</v>
      </c>
      <c r="C26" s="88"/>
      <c r="D26" s="257"/>
      <c r="E26" s="108"/>
      <c r="F26" s="91">
        <v>333</v>
      </c>
      <c r="G26" s="91">
        <v>723</v>
      </c>
      <c r="H26" s="92">
        <v>339</v>
      </c>
      <c r="I26" s="99">
        <v>384</v>
      </c>
      <c r="J26" s="94">
        <v>103</v>
      </c>
      <c r="K26" s="94">
        <v>489</v>
      </c>
      <c r="L26" s="94">
        <v>131</v>
      </c>
      <c r="M26" s="95">
        <v>2055</v>
      </c>
      <c r="N26" s="96">
        <v>740</v>
      </c>
      <c r="O26" s="96">
        <v>1065</v>
      </c>
      <c r="P26" s="97">
        <v>284.2</v>
      </c>
    </row>
    <row r="27" spans="2:16" s="11" customFormat="1" ht="19.5" customHeight="1">
      <c r="B27" s="87" t="s">
        <v>370</v>
      </c>
      <c r="C27" s="88"/>
      <c r="D27" s="257"/>
      <c r="E27" s="108"/>
      <c r="F27" s="91">
        <v>263</v>
      </c>
      <c r="G27" s="91">
        <v>505</v>
      </c>
      <c r="H27" s="92">
        <v>217</v>
      </c>
      <c r="I27" s="99">
        <v>288</v>
      </c>
      <c r="J27" s="94">
        <v>54</v>
      </c>
      <c r="K27" s="94">
        <v>351</v>
      </c>
      <c r="L27" s="94">
        <v>100</v>
      </c>
      <c r="M27" s="95">
        <v>935</v>
      </c>
      <c r="N27" s="96">
        <v>703</v>
      </c>
      <c r="O27" s="277">
        <v>0</v>
      </c>
      <c r="P27" s="97">
        <v>185.1</v>
      </c>
    </row>
    <row r="28" spans="2:16" s="11" customFormat="1" ht="19.5" customHeight="1">
      <c r="B28" s="87" t="s">
        <v>371</v>
      </c>
      <c r="C28" s="88"/>
      <c r="D28" s="257"/>
      <c r="E28" s="108"/>
      <c r="F28" s="91">
        <v>349</v>
      </c>
      <c r="G28" s="91">
        <v>694</v>
      </c>
      <c r="H28" s="92">
        <v>347</v>
      </c>
      <c r="I28" s="99">
        <v>347</v>
      </c>
      <c r="J28" s="94">
        <v>56</v>
      </c>
      <c r="K28" s="94">
        <v>504</v>
      </c>
      <c r="L28" s="94">
        <v>134</v>
      </c>
      <c r="M28" s="95">
        <v>726</v>
      </c>
      <c r="N28" s="96">
        <v>327</v>
      </c>
      <c r="O28" s="96">
        <v>148</v>
      </c>
      <c r="P28" s="97">
        <v>104.6</v>
      </c>
    </row>
    <row r="29" spans="2:16" s="11" customFormat="1" ht="19.5" customHeight="1">
      <c r="B29" s="87" t="s">
        <v>372</v>
      </c>
      <c r="C29" s="88"/>
      <c r="D29" s="257"/>
      <c r="E29" s="108"/>
      <c r="F29" s="91">
        <v>157</v>
      </c>
      <c r="G29" s="91">
        <v>353</v>
      </c>
      <c r="H29" s="92">
        <v>167</v>
      </c>
      <c r="I29" s="99">
        <v>186</v>
      </c>
      <c r="J29" s="94">
        <v>42</v>
      </c>
      <c r="K29" s="94">
        <v>247</v>
      </c>
      <c r="L29" s="94">
        <v>64</v>
      </c>
      <c r="M29" s="95">
        <v>1706</v>
      </c>
      <c r="N29" s="96">
        <v>244</v>
      </c>
      <c r="O29" s="96">
        <v>1330</v>
      </c>
      <c r="P29" s="97">
        <v>483.3</v>
      </c>
    </row>
    <row r="30" spans="2:16" s="11" customFormat="1" ht="20.25" customHeight="1">
      <c r="B30" s="87" t="s">
        <v>373</v>
      </c>
      <c r="C30" s="88" t="s">
        <v>26</v>
      </c>
      <c r="D30" s="257"/>
      <c r="E30" s="108"/>
      <c r="F30" s="91">
        <v>697</v>
      </c>
      <c r="G30" s="91">
        <v>1265</v>
      </c>
      <c r="H30" s="92">
        <v>557</v>
      </c>
      <c r="I30" s="99">
        <v>708</v>
      </c>
      <c r="J30" s="94">
        <v>137</v>
      </c>
      <c r="K30" s="94">
        <v>845</v>
      </c>
      <c r="L30" s="94">
        <v>260</v>
      </c>
      <c r="M30" s="95">
        <v>4643</v>
      </c>
      <c r="N30" s="96">
        <v>1242</v>
      </c>
      <c r="O30" s="96">
        <v>2829</v>
      </c>
      <c r="P30" s="97">
        <v>373.8</v>
      </c>
    </row>
    <row r="31" spans="2:16" s="11" customFormat="1" ht="20.25" customHeight="1">
      <c r="B31" s="87"/>
      <c r="C31" s="88" t="s">
        <v>27</v>
      </c>
      <c r="D31" s="257"/>
      <c r="E31" s="108"/>
      <c r="F31" s="91">
        <v>145</v>
      </c>
      <c r="G31" s="91">
        <v>350</v>
      </c>
      <c r="H31" s="92">
        <v>168</v>
      </c>
      <c r="I31" s="99">
        <v>182</v>
      </c>
      <c r="J31" s="94">
        <v>62</v>
      </c>
      <c r="K31" s="94">
        <v>247</v>
      </c>
      <c r="L31" s="94">
        <v>41</v>
      </c>
      <c r="M31" s="95">
        <v>231</v>
      </c>
      <c r="N31" s="96">
        <v>109</v>
      </c>
      <c r="O31" s="277">
        <v>0</v>
      </c>
      <c r="P31" s="97">
        <v>66</v>
      </c>
    </row>
    <row r="32" spans="2:16" s="11" customFormat="1" ht="20.25" customHeight="1">
      <c r="B32" s="87" t="s">
        <v>374</v>
      </c>
      <c r="C32" s="88" t="s">
        <v>26</v>
      </c>
      <c r="D32" s="257"/>
      <c r="E32" s="108"/>
      <c r="F32" s="91">
        <v>28</v>
      </c>
      <c r="G32" s="91">
        <v>91</v>
      </c>
      <c r="H32" s="92">
        <v>51</v>
      </c>
      <c r="I32" s="99">
        <v>40</v>
      </c>
      <c r="J32" s="94">
        <v>12</v>
      </c>
      <c r="K32" s="94">
        <v>56</v>
      </c>
      <c r="L32" s="94">
        <v>23</v>
      </c>
      <c r="M32" s="95">
        <v>193</v>
      </c>
      <c r="N32" s="96">
        <v>168</v>
      </c>
      <c r="O32" s="277">
        <v>0</v>
      </c>
      <c r="P32" s="97">
        <v>212.1</v>
      </c>
    </row>
    <row r="33" spans="1:16" s="11" customFormat="1" ht="20.25" customHeight="1">
      <c r="B33" s="87"/>
      <c r="C33" s="88" t="s">
        <v>27</v>
      </c>
      <c r="D33" s="257"/>
      <c r="E33" s="108"/>
      <c r="F33" s="91">
        <v>185</v>
      </c>
      <c r="G33" s="91">
        <v>401</v>
      </c>
      <c r="H33" s="92">
        <v>191</v>
      </c>
      <c r="I33" s="99">
        <v>210</v>
      </c>
      <c r="J33" s="94">
        <v>39</v>
      </c>
      <c r="K33" s="94">
        <v>262</v>
      </c>
      <c r="L33" s="94">
        <v>100</v>
      </c>
      <c r="M33" s="95">
        <v>354</v>
      </c>
      <c r="N33" s="96">
        <v>207</v>
      </c>
      <c r="O33" s="277">
        <v>0</v>
      </c>
      <c r="P33" s="97">
        <v>88.3</v>
      </c>
    </row>
    <row r="34" spans="1:16" s="11" customFormat="1" ht="20.25" customHeight="1">
      <c r="B34" s="87" t="s">
        <v>375</v>
      </c>
      <c r="C34" s="88" t="s">
        <v>26</v>
      </c>
      <c r="D34" s="257"/>
      <c r="E34" s="108"/>
      <c r="F34" s="91">
        <v>272</v>
      </c>
      <c r="G34" s="91">
        <v>556</v>
      </c>
      <c r="H34" s="92">
        <v>245</v>
      </c>
      <c r="I34" s="99">
        <v>311</v>
      </c>
      <c r="J34" s="94">
        <v>57</v>
      </c>
      <c r="K34" s="94">
        <v>409</v>
      </c>
      <c r="L34" s="94">
        <v>86</v>
      </c>
      <c r="M34" s="95">
        <v>508</v>
      </c>
      <c r="N34" s="96">
        <v>289</v>
      </c>
      <c r="O34" s="277">
        <v>0</v>
      </c>
      <c r="P34" s="97">
        <v>92</v>
      </c>
    </row>
    <row r="35" spans="1:16" s="11" customFormat="1" ht="20.25" customHeight="1">
      <c r="B35" s="87"/>
      <c r="C35" s="88" t="s">
        <v>27</v>
      </c>
      <c r="D35" s="257"/>
      <c r="E35" s="108"/>
      <c r="F35" s="91">
        <v>293</v>
      </c>
      <c r="G35" s="91">
        <v>680</v>
      </c>
      <c r="H35" s="92">
        <v>340</v>
      </c>
      <c r="I35" s="99">
        <v>340</v>
      </c>
      <c r="J35" s="94">
        <v>173</v>
      </c>
      <c r="K35" s="94">
        <v>446</v>
      </c>
      <c r="L35" s="94">
        <v>61</v>
      </c>
      <c r="M35" s="95">
        <v>657</v>
      </c>
      <c r="N35" s="96">
        <v>407</v>
      </c>
      <c r="O35" s="277">
        <v>0</v>
      </c>
      <c r="P35" s="97">
        <v>96.6</v>
      </c>
    </row>
    <row r="36" spans="1:16" s="11" customFormat="1" ht="20.25" customHeight="1">
      <c r="B36" s="87" t="s">
        <v>376</v>
      </c>
      <c r="C36" s="88"/>
      <c r="D36" s="257"/>
      <c r="E36" s="108"/>
      <c r="F36" s="91">
        <v>309</v>
      </c>
      <c r="G36" s="91">
        <v>391</v>
      </c>
      <c r="H36" s="92">
        <v>295</v>
      </c>
      <c r="I36" s="99">
        <v>96</v>
      </c>
      <c r="J36" s="94">
        <v>14</v>
      </c>
      <c r="K36" s="94">
        <v>279</v>
      </c>
      <c r="L36" s="94">
        <v>96</v>
      </c>
      <c r="M36" s="95">
        <v>1329</v>
      </c>
      <c r="N36" s="96">
        <v>598</v>
      </c>
      <c r="O36" s="277">
        <v>454</v>
      </c>
      <c r="P36" s="97">
        <v>341.6</v>
      </c>
    </row>
    <row r="37" spans="1:16" s="11" customFormat="1" ht="20.25" customHeight="1">
      <c r="B37" s="87" t="s">
        <v>377</v>
      </c>
      <c r="C37" s="88"/>
      <c r="D37" s="257"/>
      <c r="E37" s="108"/>
      <c r="F37" s="91">
        <v>482</v>
      </c>
      <c r="G37" s="91">
        <v>1000</v>
      </c>
      <c r="H37" s="92">
        <v>483</v>
      </c>
      <c r="I37" s="99">
        <v>517</v>
      </c>
      <c r="J37" s="94">
        <v>85</v>
      </c>
      <c r="K37" s="94">
        <v>738</v>
      </c>
      <c r="L37" s="94">
        <v>171</v>
      </c>
      <c r="M37" s="95">
        <v>2569</v>
      </c>
      <c r="N37" s="96">
        <v>1721</v>
      </c>
      <c r="O37" s="96">
        <v>495</v>
      </c>
      <c r="P37" s="97">
        <v>258.5</v>
      </c>
    </row>
    <row r="38" spans="1:16" s="11" customFormat="1" ht="20.25" customHeight="1">
      <c r="B38" s="87" t="s">
        <v>378</v>
      </c>
      <c r="C38" s="88"/>
      <c r="D38" s="257"/>
      <c r="E38" s="108"/>
      <c r="F38" s="91">
        <v>302</v>
      </c>
      <c r="G38" s="91">
        <v>424</v>
      </c>
      <c r="H38" s="92">
        <v>248</v>
      </c>
      <c r="I38" s="99">
        <v>176</v>
      </c>
      <c r="J38" s="94">
        <v>17</v>
      </c>
      <c r="K38" s="94">
        <v>297</v>
      </c>
      <c r="L38" s="94">
        <v>72</v>
      </c>
      <c r="M38" s="95">
        <v>5776</v>
      </c>
      <c r="N38" s="96">
        <v>5585</v>
      </c>
      <c r="O38" s="277">
        <v>56</v>
      </c>
      <c r="P38" s="97">
        <v>1496.4</v>
      </c>
    </row>
    <row r="39" spans="1:16" s="11" customFormat="1" ht="20.25" customHeight="1">
      <c r="B39" s="87" t="s">
        <v>379</v>
      </c>
      <c r="C39" s="88"/>
      <c r="D39" s="257"/>
      <c r="E39" s="108"/>
      <c r="F39" s="91">
        <v>550</v>
      </c>
      <c r="G39" s="91">
        <v>1116</v>
      </c>
      <c r="H39" s="92">
        <v>526</v>
      </c>
      <c r="I39" s="99">
        <v>590</v>
      </c>
      <c r="J39" s="94">
        <v>118</v>
      </c>
      <c r="K39" s="94">
        <v>829</v>
      </c>
      <c r="L39" s="94">
        <v>169</v>
      </c>
      <c r="M39" s="95">
        <v>1689</v>
      </c>
      <c r="N39" s="96">
        <v>831</v>
      </c>
      <c r="O39" s="96">
        <v>482</v>
      </c>
      <c r="P39" s="97">
        <v>151.30000000000001</v>
      </c>
    </row>
    <row r="40" spans="1:16" s="11" customFormat="1" ht="20.25" customHeight="1">
      <c r="B40" s="87" t="s">
        <v>380</v>
      </c>
      <c r="C40" s="88"/>
      <c r="D40" s="257"/>
      <c r="E40" s="108"/>
      <c r="F40" s="91">
        <v>552</v>
      </c>
      <c r="G40" s="91">
        <v>942</v>
      </c>
      <c r="H40" s="92">
        <v>427</v>
      </c>
      <c r="I40" s="99">
        <v>515</v>
      </c>
      <c r="J40" s="94">
        <v>69</v>
      </c>
      <c r="K40" s="94">
        <v>726</v>
      </c>
      <c r="L40" s="94">
        <v>147</v>
      </c>
      <c r="M40" s="95">
        <v>3948</v>
      </c>
      <c r="N40" s="96">
        <v>1158</v>
      </c>
      <c r="O40" s="96">
        <v>2410</v>
      </c>
      <c r="P40" s="97">
        <v>419.1</v>
      </c>
    </row>
    <row r="41" spans="1:16" s="11" customFormat="1" ht="20.25" customHeight="1">
      <c r="B41" s="87" t="s">
        <v>381</v>
      </c>
      <c r="C41" s="88" t="s">
        <v>26</v>
      </c>
      <c r="D41" s="257"/>
      <c r="E41" s="108"/>
      <c r="F41" s="91">
        <v>348</v>
      </c>
      <c r="G41" s="91">
        <v>697</v>
      </c>
      <c r="H41" s="92">
        <v>339</v>
      </c>
      <c r="I41" s="99">
        <v>358</v>
      </c>
      <c r="J41" s="94">
        <v>92</v>
      </c>
      <c r="K41" s="94">
        <v>463</v>
      </c>
      <c r="L41" s="94">
        <v>142</v>
      </c>
      <c r="M41" s="95">
        <v>1863</v>
      </c>
      <c r="N41" s="96">
        <v>1297</v>
      </c>
      <c r="O41" s="96">
        <v>266</v>
      </c>
      <c r="P41" s="97">
        <v>267.3</v>
      </c>
    </row>
    <row r="42" spans="1:16" s="11" customFormat="1" ht="20.25" customHeight="1">
      <c r="B42" s="87"/>
      <c r="C42" s="88" t="s">
        <v>27</v>
      </c>
      <c r="D42" s="257"/>
      <c r="E42" s="108"/>
      <c r="F42" s="91">
        <v>878</v>
      </c>
      <c r="G42" s="91">
        <v>1744</v>
      </c>
      <c r="H42" s="92">
        <v>825</v>
      </c>
      <c r="I42" s="99">
        <v>919</v>
      </c>
      <c r="J42" s="94">
        <v>247</v>
      </c>
      <c r="K42" s="94">
        <v>1259</v>
      </c>
      <c r="L42" s="94">
        <v>238</v>
      </c>
      <c r="M42" s="95">
        <v>1178</v>
      </c>
      <c r="N42" s="96">
        <v>495</v>
      </c>
      <c r="O42" s="277">
        <v>0</v>
      </c>
      <c r="P42" s="97">
        <v>67.5</v>
      </c>
    </row>
    <row r="43" spans="1:16" s="11" customFormat="1" ht="20.25" customHeight="1">
      <c r="B43" s="87"/>
      <c r="C43" s="88" t="s">
        <v>28</v>
      </c>
      <c r="D43" s="257"/>
      <c r="E43" s="108"/>
      <c r="F43" s="91">
        <v>649</v>
      </c>
      <c r="G43" s="91">
        <v>1071</v>
      </c>
      <c r="H43" s="92">
        <v>511</v>
      </c>
      <c r="I43" s="99">
        <v>560</v>
      </c>
      <c r="J43" s="94">
        <v>103</v>
      </c>
      <c r="K43" s="94">
        <v>835</v>
      </c>
      <c r="L43" s="94">
        <v>133</v>
      </c>
      <c r="M43" s="95">
        <v>1152</v>
      </c>
      <c r="N43" s="96">
        <v>520</v>
      </c>
      <c r="O43" s="96">
        <v>293</v>
      </c>
      <c r="P43" s="97">
        <v>107.6</v>
      </c>
    </row>
    <row r="44" spans="1:16" s="11" customFormat="1" ht="20.25" customHeight="1">
      <c r="A44" s="66"/>
      <c r="B44" s="110"/>
      <c r="C44" s="111" t="s">
        <v>29</v>
      </c>
      <c r="D44" s="260"/>
      <c r="E44" s="279"/>
      <c r="F44" s="115">
        <v>347</v>
      </c>
      <c r="G44" s="115">
        <v>762</v>
      </c>
      <c r="H44" s="116">
        <v>353</v>
      </c>
      <c r="I44" s="117">
        <v>409</v>
      </c>
      <c r="J44" s="118">
        <v>102</v>
      </c>
      <c r="K44" s="118">
        <v>522</v>
      </c>
      <c r="L44" s="118">
        <v>138</v>
      </c>
      <c r="M44" s="119">
        <v>1066</v>
      </c>
      <c r="N44" s="120">
        <v>752</v>
      </c>
      <c r="O44" s="280">
        <v>0</v>
      </c>
      <c r="P44" s="122">
        <v>139.9</v>
      </c>
    </row>
    <row r="45" spans="1:16" s="11" customFormat="1" ht="20.25" customHeight="1">
      <c r="B45" s="87" t="s">
        <v>382</v>
      </c>
      <c r="C45" s="88" t="s">
        <v>30</v>
      </c>
      <c r="D45" s="257"/>
      <c r="E45" s="108"/>
      <c r="F45" s="91">
        <v>208</v>
      </c>
      <c r="G45" s="91">
        <v>491</v>
      </c>
      <c r="H45" s="92">
        <v>226</v>
      </c>
      <c r="I45" s="99">
        <v>265</v>
      </c>
      <c r="J45" s="94">
        <v>70</v>
      </c>
      <c r="K45" s="94">
        <v>311</v>
      </c>
      <c r="L45" s="94">
        <v>110</v>
      </c>
      <c r="M45" s="95">
        <v>1023</v>
      </c>
      <c r="N45" s="96">
        <v>233</v>
      </c>
      <c r="O45" s="277">
        <v>583</v>
      </c>
      <c r="P45" s="97">
        <v>208.4</v>
      </c>
    </row>
    <row r="46" spans="1:16" s="11" customFormat="1" ht="20.25" customHeight="1">
      <c r="B46" s="87" t="s">
        <v>383</v>
      </c>
      <c r="C46" s="88" t="s">
        <v>26</v>
      </c>
      <c r="D46" s="257"/>
      <c r="E46" s="108"/>
      <c r="F46" s="91">
        <v>621</v>
      </c>
      <c r="G46" s="91">
        <v>1616</v>
      </c>
      <c r="H46" s="92">
        <v>780</v>
      </c>
      <c r="I46" s="99">
        <v>836</v>
      </c>
      <c r="J46" s="94">
        <v>349</v>
      </c>
      <c r="K46" s="94">
        <v>1051</v>
      </c>
      <c r="L46" s="94">
        <v>216</v>
      </c>
      <c r="M46" s="95">
        <v>850</v>
      </c>
      <c r="N46" s="96">
        <v>271</v>
      </c>
      <c r="O46" s="277">
        <v>0</v>
      </c>
      <c r="P46" s="97">
        <v>52.6</v>
      </c>
    </row>
    <row r="47" spans="1:16" s="11" customFormat="1" ht="20.25" customHeight="1">
      <c r="B47" s="87"/>
      <c r="C47" s="88" t="s">
        <v>27</v>
      </c>
      <c r="D47" s="257"/>
      <c r="E47" s="108"/>
      <c r="F47" s="91">
        <v>740</v>
      </c>
      <c r="G47" s="91">
        <v>1611</v>
      </c>
      <c r="H47" s="92">
        <v>761</v>
      </c>
      <c r="I47" s="99">
        <v>850</v>
      </c>
      <c r="J47" s="94">
        <v>192</v>
      </c>
      <c r="K47" s="94">
        <v>1076</v>
      </c>
      <c r="L47" s="94">
        <v>342</v>
      </c>
      <c r="M47" s="95">
        <v>1266</v>
      </c>
      <c r="N47" s="96">
        <v>617</v>
      </c>
      <c r="O47" s="277">
        <v>0</v>
      </c>
      <c r="P47" s="97">
        <v>78.599999999999994</v>
      </c>
    </row>
    <row r="48" spans="1:16" s="11" customFormat="1" ht="20.25" customHeight="1">
      <c r="B48" s="87"/>
      <c r="C48" s="88" t="s">
        <v>28</v>
      </c>
      <c r="D48" s="257"/>
      <c r="E48" s="108"/>
      <c r="F48" s="91">
        <v>402</v>
      </c>
      <c r="G48" s="91">
        <v>867</v>
      </c>
      <c r="H48" s="92">
        <v>389</v>
      </c>
      <c r="I48" s="99">
        <v>478</v>
      </c>
      <c r="J48" s="94">
        <v>91</v>
      </c>
      <c r="K48" s="94">
        <v>570</v>
      </c>
      <c r="L48" s="94">
        <v>206</v>
      </c>
      <c r="M48" s="95">
        <v>769</v>
      </c>
      <c r="N48" s="96">
        <v>419</v>
      </c>
      <c r="O48" s="277">
        <v>0</v>
      </c>
      <c r="P48" s="97">
        <v>88.7</v>
      </c>
    </row>
    <row r="49" spans="2:16" s="11" customFormat="1" ht="20.25" customHeight="1">
      <c r="B49" s="87" t="s">
        <v>0</v>
      </c>
      <c r="C49" s="88" t="s">
        <v>29</v>
      </c>
      <c r="D49" s="257"/>
      <c r="E49" s="108"/>
      <c r="F49" s="91">
        <v>436</v>
      </c>
      <c r="G49" s="91">
        <v>970</v>
      </c>
      <c r="H49" s="92">
        <v>435</v>
      </c>
      <c r="I49" s="99">
        <v>535</v>
      </c>
      <c r="J49" s="94">
        <v>149</v>
      </c>
      <c r="K49" s="94">
        <v>702</v>
      </c>
      <c r="L49" s="94">
        <v>119</v>
      </c>
      <c r="M49" s="95">
        <v>935</v>
      </c>
      <c r="N49" s="96">
        <v>338</v>
      </c>
      <c r="O49" s="96">
        <v>251</v>
      </c>
      <c r="P49" s="97">
        <v>96.4</v>
      </c>
    </row>
    <row r="50" spans="2:16" s="11" customFormat="1" ht="20.25" customHeight="1">
      <c r="B50" s="87" t="s">
        <v>384</v>
      </c>
      <c r="C50" s="88"/>
      <c r="D50" s="257"/>
      <c r="E50" s="108"/>
      <c r="F50" s="91">
        <v>720</v>
      </c>
      <c r="G50" s="91">
        <v>1509</v>
      </c>
      <c r="H50" s="92">
        <v>703</v>
      </c>
      <c r="I50" s="99">
        <v>806</v>
      </c>
      <c r="J50" s="94">
        <v>203</v>
      </c>
      <c r="K50" s="94">
        <v>1078</v>
      </c>
      <c r="L50" s="94">
        <v>225</v>
      </c>
      <c r="M50" s="95">
        <v>1557</v>
      </c>
      <c r="N50" s="96">
        <v>1014</v>
      </c>
      <c r="O50" s="277">
        <v>0</v>
      </c>
      <c r="P50" s="97">
        <v>103.4</v>
      </c>
    </row>
    <row r="51" spans="2:16" s="11" customFormat="1" ht="20.25" customHeight="1">
      <c r="B51" s="87" t="s">
        <v>385</v>
      </c>
      <c r="C51" s="88" t="s">
        <v>26</v>
      </c>
      <c r="D51" s="257"/>
      <c r="E51" s="108"/>
      <c r="F51" s="91">
        <v>302</v>
      </c>
      <c r="G51" s="91">
        <v>599</v>
      </c>
      <c r="H51" s="92">
        <v>287</v>
      </c>
      <c r="I51" s="99">
        <v>312</v>
      </c>
      <c r="J51" s="94">
        <v>66</v>
      </c>
      <c r="K51" s="94">
        <v>438</v>
      </c>
      <c r="L51" s="94">
        <v>95</v>
      </c>
      <c r="M51" s="95">
        <v>2418</v>
      </c>
      <c r="N51" s="96">
        <v>645</v>
      </c>
      <c r="O51" s="96">
        <v>1511</v>
      </c>
      <c r="P51" s="97">
        <v>403.7</v>
      </c>
    </row>
    <row r="52" spans="2:16" s="11" customFormat="1" ht="20.25" customHeight="1">
      <c r="B52" s="87"/>
      <c r="C52" s="88" t="s">
        <v>27</v>
      </c>
      <c r="D52" s="257"/>
      <c r="E52" s="108"/>
      <c r="F52" s="91">
        <v>364</v>
      </c>
      <c r="G52" s="91">
        <v>548</v>
      </c>
      <c r="H52" s="92">
        <v>278</v>
      </c>
      <c r="I52" s="99">
        <v>270</v>
      </c>
      <c r="J52" s="94">
        <v>26</v>
      </c>
      <c r="K52" s="94">
        <v>429</v>
      </c>
      <c r="L52" s="94">
        <v>93</v>
      </c>
      <c r="M52" s="95">
        <v>969</v>
      </c>
      <c r="N52" s="96">
        <v>677</v>
      </c>
      <c r="O52" s="277">
        <v>62</v>
      </c>
      <c r="P52" s="97">
        <v>176.8</v>
      </c>
    </row>
    <row r="53" spans="2:16" s="11" customFormat="1" ht="20.25" customHeight="1">
      <c r="B53" s="87" t="s">
        <v>386</v>
      </c>
      <c r="C53" s="88"/>
      <c r="D53" s="257"/>
      <c r="E53" s="108"/>
      <c r="F53" s="91">
        <v>733</v>
      </c>
      <c r="G53" s="91">
        <v>1363</v>
      </c>
      <c r="H53" s="92">
        <v>626</v>
      </c>
      <c r="I53" s="99">
        <v>737</v>
      </c>
      <c r="J53" s="94">
        <v>158</v>
      </c>
      <c r="K53" s="94">
        <v>977</v>
      </c>
      <c r="L53" s="94">
        <v>228</v>
      </c>
      <c r="M53" s="95">
        <v>5477</v>
      </c>
      <c r="N53" s="96">
        <v>1757</v>
      </c>
      <c r="O53" s="96">
        <v>3104</v>
      </c>
      <c r="P53" s="97">
        <v>401.8</v>
      </c>
    </row>
    <row r="54" spans="2:16" s="11" customFormat="1" ht="20.25" customHeight="1">
      <c r="B54" s="87" t="s">
        <v>387</v>
      </c>
      <c r="C54" s="88"/>
      <c r="D54" s="257"/>
      <c r="E54" s="108"/>
      <c r="F54" s="91">
        <v>449</v>
      </c>
      <c r="G54" s="91">
        <v>769</v>
      </c>
      <c r="H54" s="92">
        <v>402</v>
      </c>
      <c r="I54" s="99">
        <v>367</v>
      </c>
      <c r="J54" s="94">
        <v>64</v>
      </c>
      <c r="K54" s="94">
        <v>564</v>
      </c>
      <c r="L54" s="94">
        <v>141</v>
      </c>
      <c r="M54" s="95">
        <v>3529</v>
      </c>
      <c r="N54" s="96">
        <v>781</v>
      </c>
      <c r="O54" s="96">
        <v>2518</v>
      </c>
      <c r="P54" s="97">
        <v>458.9</v>
      </c>
    </row>
    <row r="55" spans="2:16" s="11" customFormat="1" ht="20.25" customHeight="1">
      <c r="B55" s="87" t="s">
        <v>388</v>
      </c>
      <c r="C55" s="88"/>
      <c r="D55" s="257"/>
      <c r="E55" s="108"/>
      <c r="F55" s="91">
        <v>357</v>
      </c>
      <c r="G55" s="91">
        <v>1002</v>
      </c>
      <c r="H55" s="92">
        <v>451</v>
      </c>
      <c r="I55" s="99">
        <v>551</v>
      </c>
      <c r="J55" s="94">
        <v>166</v>
      </c>
      <c r="K55" s="94">
        <v>631</v>
      </c>
      <c r="L55" s="94">
        <v>205</v>
      </c>
      <c r="M55" s="95">
        <v>2476</v>
      </c>
      <c r="N55" s="96">
        <v>1286</v>
      </c>
      <c r="O55" s="96">
        <v>785</v>
      </c>
      <c r="P55" s="97">
        <v>247.1</v>
      </c>
    </row>
    <row r="56" spans="2:16" s="11" customFormat="1" ht="19.5" customHeight="1">
      <c r="B56" s="87" t="s">
        <v>389</v>
      </c>
      <c r="C56" s="88"/>
      <c r="D56" s="257"/>
      <c r="E56" s="108"/>
      <c r="F56" s="91">
        <v>283</v>
      </c>
      <c r="G56" s="91">
        <v>741</v>
      </c>
      <c r="H56" s="92">
        <v>346</v>
      </c>
      <c r="I56" s="99">
        <v>395</v>
      </c>
      <c r="J56" s="94">
        <v>129</v>
      </c>
      <c r="K56" s="94">
        <v>434</v>
      </c>
      <c r="L56" s="94">
        <v>178</v>
      </c>
      <c r="M56" s="95">
        <v>418</v>
      </c>
      <c r="N56" s="96">
        <v>118</v>
      </c>
      <c r="O56" s="277">
        <v>0</v>
      </c>
      <c r="P56" s="97">
        <v>56.4</v>
      </c>
    </row>
    <row r="57" spans="2:16" s="11" customFormat="1" ht="19.5" customHeight="1">
      <c r="B57" s="87" t="s">
        <v>390</v>
      </c>
      <c r="C57" s="88"/>
      <c r="D57" s="257"/>
      <c r="E57" s="108"/>
      <c r="F57" s="91">
        <v>446</v>
      </c>
      <c r="G57" s="91">
        <v>1099</v>
      </c>
      <c r="H57" s="92">
        <v>499</v>
      </c>
      <c r="I57" s="99">
        <v>600</v>
      </c>
      <c r="J57" s="94">
        <v>179</v>
      </c>
      <c r="K57" s="94">
        <v>684</v>
      </c>
      <c r="L57" s="94">
        <v>236</v>
      </c>
      <c r="M57" s="95">
        <v>1560</v>
      </c>
      <c r="N57" s="96">
        <v>201</v>
      </c>
      <c r="O57" s="96">
        <v>903</v>
      </c>
      <c r="P57" s="97">
        <v>141.9</v>
      </c>
    </row>
    <row r="58" spans="2:16" s="11" customFormat="1" ht="19.5" customHeight="1">
      <c r="B58" s="87" t="s">
        <v>391</v>
      </c>
      <c r="C58" s="88"/>
      <c r="D58" s="257"/>
      <c r="E58" s="108"/>
      <c r="F58" s="91">
        <v>666</v>
      </c>
      <c r="G58" s="91">
        <v>1677</v>
      </c>
      <c r="H58" s="92">
        <v>792</v>
      </c>
      <c r="I58" s="99">
        <v>885</v>
      </c>
      <c r="J58" s="94">
        <v>239</v>
      </c>
      <c r="K58" s="94">
        <v>1108</v>
      </c>
      <c r="L58" s="94">
        <v>330</v>
      </c>
      <c r="M58" s="95">
        <v>1293</v>
      </c>
      <c r="N58" s="96">
        <v>714</v>
      </c>
      <c r="O58" s="277">
        <v>0</v>
      </c>
      <c r="P58" s="97">
        <v>77.099999999999994</v>
      </c>
    </row>
    <row r="59" spans="2:16" s="11" customFormat="1" ht="19.5" customHeight="1">
      <c r="B59" s="87" t="s">
        <v>392</v>
      </c>
      <c r="C59" s="88" t="s">
        <v>26</v>
      </c>
      <c r="D59" s="257"/>
      <c r="E59" s="108"/>
      <c r="F59" s="91">
        <v>325</v>
      </c>
      <c r="G59" s="91">
        <v>645</v>
      </c>
      <c r="H59" s="92">
        <v>308</v>
      </c>
      <c r="I59" s="99">
        <v>337</v>
      </c>
      <c r="J59" s="94">
        <v>77</v>
      </c>
      <c r="K59" s="94">
        <v>471</v>
      </c>
      <c r="L59" s="94">
        <v>97</v>
      </c>
      <c r="M59" s="95">
        <v>1239</v>
      </c>
      <c r="N59" s="96">
        <v>997</v>
      </c>
      <c r="O59" s="277">
        <v>0</v>
      </c>
      <c r="P59" s="97">
        <v>192.1</v>
      </c>
    </row>
    <row r="60" spans="2:16" s="11" customFormat="1" ht="19.5" customHeight="1">
      <c r="B60" s="87"/>
      <c r="C60" s="88" t="s">
        <v>27</v>
      </c>
      <c r="D60" s="257"/>
      <c r="E60" s="108"/>
      <c r="F60" s="91">
        <v>322</v>
      </c>
      <c r="G60" s="91">
        <v>645</v>
      </c>
      <c r="H60" s="92">
        <v>297</v>
      </c>
      <c r="I60" s="99">
        <v>348</v>
      </c>
      <c r="J60" s="94">
        <v>80</v>
      </c>
      <c r="K60" s="94">
        <v>390</v>
      </c>
      <c r="L60" s="94">
        <v>175</v>
      </c>
      <c r="M60" s="95">
        <v>2239</v>
      </c>
      <c r="N60" s="96">
        <v>953</v>
      </c>
      <c r="O60" s="96">
        <v>995</v>
      </c>
      <c r="P60" s="97">
        <v>347.1</v>
      </c>
    </row>
    <row r="61" spans="2:16" s="11" customFormat="1" ht="19.5" customHeight="1">
      <c r="B61" s="87" t="s">
        <v>393</v>
      </c>
      <c r="C61" s="88"/>
      <c r="D61" s="257"/>
      <c r="E61" s="108"/>
      <c r="F61" s="91">
        <v>671</v>
      </c>
      <c r="G61" s="91">
        <v>1365</v>
      </c>
      <c r="H61" s="92">
        <v>546</v>
      </c>
      <c r="I61" s="99">
        <v>819</v>
      </c>
      <c r="J61" s="94">
        <v>162</v>
      </c>
      <c r="K61" s="94">
        <v>901</v>
      </c>
      <c r="L61" s="94">
        <v>298</v>
      </c>
      <c r="M61" s="95">
        <v>3861</v>
      </c>
      <c r="N61" s="96">
        <v>2028</v>
      </c>
      <c r="O61" s="96">
        <v>1200</v>
      </c>
      <c r="P61" s="97">
        <v>283.7</v>
      </c>
    </row>
    <row r="62" spans="2:16" s="11" customFormat="1" ht="19.5" customHeight="1">
      <c r="B62" s="87" t="s">
        <v>394</v>
      </c>
      <c r="C62" s="88"/>
      <c r="D62" s="257"/>
      <c r="E62" s="108"/>
      <c r="F62" s="91">
        <v>352</v>
      </c>
      <c r="G62" s="91">
        <v>599</v>
      </c>
      <c r="H62" s="92">
        <v>283</v>
      </c>
      <c r="I62" s="99">
        <v>316</v>
      </c>
      <c r="J62" s="94">
        <v>33</v>
      </c>
      <c r="K62" s="94">
        <v>390</v>
      </c>
      <c r="L62" s="94">
        <v>176</v>
      </c>
      <c r="M62" s="95">
        <v>880</v>
      </c>
      <c r="N62" s="96">
        <v>542</v>
      </c>
      <c r="O62" s="96">
        <v>70</v>
      </c>
      <c r="P62" s="97">
        <v>146.9</v>
      </c>
    </row>
    <row r="63" spans="2:16" s="11" customFormat="1" ht="19.5" customHeight="1">
      <c r="B63" s="87" t="s">
        <v>395</v>
      </c>
      <c r="C63" s="88" t="s">
        <v>26</v>
      </c>
      <c r="D63" s="257"/>
      <c r="E63" s="108"/>
      <c r="F63" s="91">
        <v>265</v>
      </c>
      <c r="G63" s="91">
        <v>551</v>
      </c>
      <c r="H63" s="92">
        <v>238</v>
      </c>
      <c r="I63" s="99">
        <v>313</v>
      </c>
      <c r="J63" s="94">
        <v>66</v>
      </c>
      <c r="K63" s="94">
        <v>360</v>
      </c>
      <c r="L63" s="94">
        <v>125</v>
      </c>
      <c r="M63" s="95">
        <v>1763</v>
      </c>
      <c r="N63" s="96">
        <v>1117</v>
      </c>
      <c r="O63" s="96">
        <v>371</v>
      </c>
      <c r="P63" s="97">
        <v>320</v>
      </c>
    </row>
    <row r="64" spans="2:16" s="11" customFormat="1" ht="19.5" customHeight="1">
      <c r="B64" s="87"/>
      <c r="C64" s="88" t="s">
        <v>27</v>
      </c>
      <c r="D64" s="257"/>
      <c r="E64" s="108"/>
      <c r="F64" s="91">
        <v>901</v>
      </c>
      <c r="G64" s="91">
        <v>2193</v>
      </c>
      <c r="H64" s="92">
        <v>1007</v>
      </c>
      <c r="I64" s="99">
        <v>1186</v>
      </c>
      <c r="J64" s="94">
        <v>386</v>
      </c>
      <c r="K64" s="94">
        <v>1473</v>
      </c>
      <c r="L64" s="94">
        <v>330</v>
      </c>
      <c r="M64" s="95">
        <v>1435</v>
      </c>
      <c r="N64" s="96">
        <v>539</v>
      </c>
      <c r="O64" s="277">
        <v>0</v>
      </c>
      <c r="P64" s="97">
        <v>65.599999999999994</v>
      </c>
    </row>
    <row r="65" spans="2:16" s="11" customFormat="1" ht="19.5" customHeight="1">
      <c r="B65" s="87" t="s">
        <v>396</v>
      </c>
      <c r="C65" s="88" t="s">
        <v>26</v>
      </c>
      <c r="D65" s="257"/>
      <c r="E65" s="108"/>
      <c r="F65" s="91">
        <v>366</v>
      </c>
      <c r="G65" s="91">
        <v>748</v>
      </c>
      <c r="H65" s="92">
        <v>356</v>
      </c>
      <c r="I65" s="99">
        <v>392</v>
      </c>
      <c r="J65" s="94">
        <v>75</v>
      </c>
      <c r="K65" s="94">
        <v>507</v>
      </c>
      <c r="L65" s="94">
        <v>166</v>
      </c>
      <c r="M65" s="95">
        <v>619</v>
      </c>
      <c r="N65" s="96">
        <v>248</v>
      </c>
      <c r="O65" s="96">
        <v>20</v>
      </c>
      <c r="P65" s="97">
        <v>82.8</v>
      </c>
    </row>
    <row r="66" spans="2:16" s="11" customFormat="1" ht="19.5" customHeight="1">
      <c r="B66" s="87"/>
      <c r="C66" s="88" t="s">
        <v>27</v>
      </c>
      <c r="D66" s="257"/>
      <c r="E66" s="108"/>
      <c r="F66" s="91">
        <v>363</v>
      </c>
      <c r="G66" s="91">
        <v>878</v>
      </c>
      <c r="H66" s="92">
        <v>412</v>
      </c>
      <c r="I66" s="99">
        <v>466</v>
      </c>
      <c r="J66" s="94">
        <v>119</v>
      </c>
      <c r="K66" s="94">
        <v>520</v>
      </c>
      <c r="L66" s="94">
        <v>235</v>
      </c>
      <c r="M66" s="95">
        <v>492</v>
      </c>
      <c r="N66" s="96">
        <v>106</v>
      </c>
      <c r="O66" s="277">
        <v>0</v>
      </c>
      <c r="P66" s="97">
        <v>56.3</v>
      </c>
    </row>
    <row r="67" spans="2:16" s="11" customFormat="1" ht="19.5" customHeight="1">
      <c r="B67" s="87" t="s">
        <v>397</v>
      </c>
      <c r="C67" s="88"/>
      <c r="D67" s="257"/>
      <c r="E67" s="108"/>
      <c r="F67" s="91">
        <v>611</v>
      </c>
      <c r="G67" s="91">
        <v>1418</v>
      </c>
      <c r="H67" s="92">
        <v>610</v>
      </c>
      <c r="I67" s="99">
        <v>808</v>
      </c>
      <c r="J67" s="94">
        <v>219</v>
      </c>
      <c r="K67" s="94">
        <v>935</v>
      </c>
      <c r="L67" s="94">
        <v>264</v>
      </c>
      <c r="M67" s="95">
        <v>3138</v>
      </c>
      <c r="N67" s="96">
        <v>1711</v>
      </c>
      <c r="O67" s="96">
        <v>827</v>
      </c>
      <c r="P67" s="97">
        <v>221.3</v>
      </c>
    </row>
    <row r="68" spans="2:16" s="11" customFormat="1" ht="19.5" customHeight="1">
      <c r="B68" s="87" t="s">
        <v>398</v>
      </c>
      <c r="C68" s="88"/>
      <c r="D68" s="257"/>
      <c r="E68" s="108"/>
      <c r="F68" s="91">
        <v>410</v>
      </c>
      <c r="G68" s="91">
        <v>940</v>
      </c>
      <c r="H68" s="92">
        <v>442</v>
      </c>
      <c r="I68" s="99">
        <v>498</v>
      </c>
      <c r="J68" s="94">
        <v>135</v>
      </c>
      <c r="K68" s="94">
        <v>584</v>
      </c>
      <c r="L68" s="94">
        <v>221</v>
      </c>
      <c r="M68" s="95">
        <v>897</v>
      </c>
      <c r="N68" s="96">
        <v>509</v>
      </c>
      <c r="O68" s="277">
        <v>0</v>
      </c>
      <c r="P68" s="97">
        <v>95.4</v>
      </c>
    </row>
    <row r="69" spans="2:16" s="11" customFormat="1" ht="19.5" customHeight="1">
      <c r="B69" s="87" t="s">
        <v>399</v>
      </c>
      <c r="C69" s="88"/>
      <c r="D69" s="257"/>
      <c r="E69" s="108"/>
      <c r="F69" s="91">
        <v>419</v>
      </c>
      <c r="G69" s="91">
        <v>1077</v>
      </c>
      <c r="H69" s="92">
        <v>499</v>
      </c>
      <c r="I69" s="99">
        <v>578</v>
      </c>
      <c r="J69" s="94">
        <v>217</v>
      </c>
      <c r="K69" s="94">
        <v>603</v>
      </c>
      <c r="L69" s="94">
        <v>257</v>
      </c>
      <c r="M69" s="95">
        <v>2878</v>
      </c>
      <c r="N69" s="96">
        <v>1747</v>
      </c>
      <c r="O69" s="96">
        <v>674</v>
      </c>
      <c r="P69" s="97">
        <v>267.2</v>
      </c>
    </row>
    <row r="70" spans="2:16" s="11" customFormat="1" ht="19.5" customHeight="1">
      <c r="B70" s="87" t="s">
        <v>400</v>
      </c>
      <c r="C70" s="88"/>
      <c r="D70" s="257"/>
      <c r="E70" s="108"/>
      <c r="F70" s="91">
        <v>1029</v>
      </c>
      <c r="G70" s="91">
        <v>1754</v>
      </c>
      <c r="H70" s="92">
        <v>816</v>
      </c>
      <c r="I70" s="99">
        <v>938</v>
      </c>
      <c r="J70" s="94">
        <v>149</v>
      </c>
      <c r="K70" s="94">
        <v>1310</v>
      </c>
      <c r="L70" s="94">
        <v>295</v>
      </c>
      <c r="M70" s="95">
        <v>4323</v>
      </c>
      <c r="N70" s="96">
        <v>3538</v>
      </c>
      <c r="O70" s="277">
        <v>0</v>
      </c>
      <c r="P70" s="97">
        <v>246.5</v>
      </c>
    </row>
    <row r="71" spans="2:16" s="11" customFormat="1" ht="19.5" customHeight="1">
      <c r="B71" s="87" t="s">
        <v>401</v>
      </c>
      <c r="C71" s="88"/>
      <c r="D71" s="257"/>
      <c r="E71" s="108"/>
      <c r="F71" s="91">
        <v>575</v>
      </c>
      <c r="G71" s="91">
        <v>1476</v>
      </c>
      <c r="H71" s="92">
        <v>704</v>
      </c>
      <c r="I71" s="99">
        <v>772</v>
      </c>
      <c r="J71" s="94">
        <v>225</v>
      </c>
      <c r="K71" s="94">
        <v>992</v>
      </c>
      <c r="L71" s="94">
        <v>259</v>
      </c>
      <c r="M71" s="95">
        <v>1818</v>
      </c>
      <c r="N71" s="96">
        <v>1298</v>
      </c>
      <c r="O71" s="277">
        <v>0</v>
      </c>
      <c r="P71" s="97">
        <v>123.2</v>
      </c>
    </row>
    <row r="72" spans="2:16" s="11" customFormat="1" ht="19.5" customHeight="1">
      <c r="B72" s="87" t="s">
        <v>402</v>
      </c>
      <c r="C72" s="88"/>
      <c r="D72" s="257"/>
      <c r="E72" s="108"/>
      <c r="F72" s="91">
        <v>325</v>
      </c>
      <c r="G72" s="91">
        <v>771</v>
      </c>
      <c r="H72" s="92">
        <v>359</v>
      </c>
      <c r="I72" s="99">
        <v>412</v>
      </c>
      <c r="J72" s="94">
        <v>139</v>
      </c>
      <c r="K72" s="94">
        <v>528</v>
      </c>
      <c r="L72" s="94">
        <v>103</v>
      </c>
      <c r="M72" s="95">
        <v>3869</v>
      </c>
      <c r="N72" s="96">
        <v>759</v>
      </c>
      <c r="O72" s="96">
        <v>2834</v>
      </c>
      <c r="P72" s="97">
        <v>502.5</v>
      </c>
    </row>
    <row r="73" spans="2:16" s="11" customFormat="1" ht="19.5" customHeight="1">
      <c r="B73" s="87" t="s">
        <v>403</v>
      </c>
      <c r="C73" s="88"/>
      <c r="D73" s="257"/>
      <c r="E73" s="108"/>
      <c r="F73" s="91">
        <v>356</v>
      </c>
      <c r="G73" s="91">
        <v>806</v>
      </c>
      <c r="H73" s="92">
        <v>380</v>
      </c>
      <c r="I73" s="99">
        <v>426</v>
      </c>
      <c r="J73" s="94">
        <v>84</v>
      </c>
      <c r="K73" s="94">
        <v>571</v>
      </c>
      <c r="L73" s="94">
        <v>146</v>
      </c>
      <c r="M73" s="95">
        <v>530</v>
      </c>
      <c r="N73" s="96">
        <v>254</v>
      </c>
      <c r="O73" s="96">
        <v>0</v>
      </c>
      <c r="P73" s="97">
        <v>66.2</v>
      </c>
    </row>
    <row r="74" spans="2:16" s="11" customFormat="1" ht="19.5" customHeight="1">
      <c r="B74" s="87" t="s">
        <v>404</v>
      </c>
      <c r="C74" s="88"/>
      <c r="D74" s="257"/>
      <c r="E74" s="108"/>
      <c r="F74" s="91">
        <v>934</v>
      </c>
      <c r="G74" s="91">
        <v>1746</v>
      </c>
      <c r="H74" s="92">
        <v>812</v>
      </c>
      <c r="I74" s="99">
        <v>934</v>
      </c>
      <c r="J74" s="94">
        <v>169</v>
      </c>
      <c r="K74" s="94">
        <v>1240</v>
      </c>
      <c r="L74" s="94">
        <v>290</v>
      </c>
      <c r="M74" s="95">
        <v>2227</v>
      </c>
      <c r="N74" s="96">
        <v>1364</v>
      </c>
      <c r="O74" s="96">
        <v>180</v>
      </c>
      <c r="P74" s="97">
        <v>131.1</v>
      </c>
    </row>
    <row r="75" spans="2:16" s="11" customFormat="1" ht="19.5" customHeight="1">
      <c r="B75" s="87" t="s">
        <v>405</v>
      </c>
      <c r="C75" s="88"/>
      <c r="D75" s="257"/>
      <c r="E75" s="108"/>
      <c r="F75" s="91">
        <v>719</v>
      </c>
      <c r="G75" s="91">
        <v>1505</v>
      </c>
      <c r="H75" s="92">
        <v>675</v>
      </c>
      <c r="I75" s="99">
        <v>830</v>
      </c>
      <c r="J75" s="94">
        <v>198</v>
      </c>
      <c r="K75" s="94">
        <v>1082</v>
      </c>
      <c r="L75" s="94">
        <v>225</v>
      </c>
      <c r="M75" s="95">
        <v>2030</v>
      </c>
      <c r="N75" s="96">
        <v>842</v>
      </c>
      <c r="O75" s="96">
        <v>682</v>
      </c>
      <c r="P75" s="97">
        <v>134.9</v>
      </c>
    </row>
    <row r="76" spans="2:16" s="11" customFormat="1" ht="19.5" customHeight="1">
      <c r="B76" s="87" t="s">
        <v>406</v>
      </c>
      <c r="C76" s="88"/>
      <c r="D76" s="257"/>
      <c r="E76" s="108"/>
      <c r="F76" s="91">
        <v>276</v>
      </c>
      <c r="G76" s="91">
        <v>687</v>
      </c>
      <c r="H76" s="92">
        <v>330</v>
      </c>
      <c r="I76" s="99">
        <v>357</v>
      </c>
      <c r="J76" s="94">
        <v>115</v>
      </c>
      <c r="K76" s="94">
        <v>478</v>
      </c>
      <c r="L76" s="94">
        <v>94</v>
      </c>
      <c r="M76" s="95">
        <v>662</v>
      </c>
      <c r="N76" s="96">
        <v>427</v>
      </c>
      <c r="O76" s="277">
        <v>0</v>
      </c>
      <c r="P76" s="97">
        <v>96.4</v>
      </c>
    </row>
    <row r="77" spans="2:16" s="11" customFormat="1" ht="19.5" customHeight="1">
      <c r="B77" s="87" t="s">
        <v>407</v>
      </c>
      <c r="C77" s="88"/>
      <c r="D77" s="257"/>
      <c r="E77" s="108"/>
      <c r="F77" s="91">
        <v>558</v>
      </c>
      <c r="G77" s="91">
        <v>1188</v>
      </c>
      <c r="H77" s="92">
        <v>543</v>
      </c>
      <c r="I77" s="99">
        <v>645</v>
      </c>
      <c r="J77" s="94">
        <v>156</v>
      </c>
      <c r="K77" s="94">
        <v>829</v>
      </c>
      <c r="L77" s="94">
        <v>201</v>
      </c>
      <c r="M77" s="95">
        <v>2138</v>
      </c>
      <c r="N77" s="96">
        <v>1413</v>
      </c>
      <c r="O77" s="96">
        <v>175</v>
      </c>
      <c r="P77" s="97">
        <v>180.3</v>
      </c>
    </row>
    <row r="78" spans="2:16" s="11" customFormat="1" ht="19.5" customHeight="1">
      <c r="B78" s="87" t="s">
        <v>408</v>
      </c>
      <c r="C78" s="88"/>
      <c r="D78" s="257"/>
      <c r="E78" s="108"/>
      <c r="F78" s="91">
        <v>1157</v>
      </c>
      <c r="G78" s="91">
        <v>2502</v>
      </c>
      <c r="H78" s="92">
        <v>1127</v>
      </c>
      <c r="I78" s="99">
        <v>1375</v>
      </c>
      <c r="J78" s="94">
        <v>314</v>
      </c>
      <c r="K78" s="94">
        <v>1738</v>
      </c>
      <c r="L78" s="94">
        <v>450</v>
      </c>
      <c r="M78" s="95">
        <v>2730</v>
      </c>
      <c r="N78" s="96">
        <v>1623</v>
      </c>
      <c r="O78" s="96">
        <v>0</v>
      </c>
      <c r="P78" s="97">
        <v>109.1</v>
      </c>
    </row>
    <row r="79" spans="2:16" s="11" customFormat="1" ht="19.5" customHeight="1">
      <c r="B79" s="87" t="s">
        <v>409</v>
      </c>
      <c r="C79" s="88"/>
      <c r="D79" s="257"/>
      <c r="E79" s="108"/>
      <c r="F79" s="91">
        <v>596</v>
      </c>
      <c r="G79" s="91">
        <v>1186</v>
      </c>
      <c r="H79" s="92">
        <v>528</v>
      </c>
      <c r="I79" s="99">
        <v>658</v>
      </c>
      <c r="J79" s="94">
        <v>95</v>
      </c>
      <c r="K79" s="94">
        <v>842</v>
      </c>
      <c r="L79" s="94">
        <v>241</v>
      </c>
      <c r="M79" s="95">
        <v>1275</v>
      </c>
      <c r="N79" s="96">
        <v>753</v>
      </c>
      <c r="O79" s="277">
        <v>0</v>
      </c>
      <c r="P79" s="97">
        <v>108.2</v>
      </c>
    </row>
    <row r="80" spans="2:16" s="11" customFormat="1" ht="19.5" customHeight="1">
      <c r="B80" s="136" t="s">
        <v>410</v>
      </c>
      <c r="C80" s="137"/>
      <c r="D80" s="286"/>
      <c r="E80" s="108"/>
      <c r="F80" s="91">
        <v>32</v>
      </c>
      <c r="G80" s="91">
        <v>74</v>
      </c>
      <c r="H80" s="92">
        <v>33</v>
      </c>
      <c r="I80" s="99">
        <v>41</v>
      </c>
      <c r="J80" s="94">
        <v>7</v>
      </c>
      <c r="K80" s="94">
        <v>49</v>
      </c>
      <c r="L80" s="94">
        <v>18</v>
      </c>
      <c r="M80" s="95">
        <v>595</v>
      </c>
      <c r="N80" s="96">
        <v>564</v>
      </c>
      <c r="O80" s="277">
        <v>0</v>
      </c>
      <c r="P80" s="97">
        <v>804.1</v>
      </c>
    </row>
    <row r="81" spans="1:16" s="140" customFormat="1" ht="3" customHeight="1">
      <c r="A81" s="141"/>
      <c r="B81" s="142"/>
      <c r="C81" s="142"/>
      <c r="D81" s="141"/>
      <c r="E81" s="204"/>
      <c r="F81" s="144"/>
      <c r="G81" s="145"/>
      <c r="H81" s="144"/>
      <c r="I81" s="145"/>
      <c r="J81" s="144"/>
      <c r="K81" s="144"/>
      <c r="L81" s="145"/>
      <c r="M81" s="186"/>
      <c r="N81" s="146"/>
      <c r="O81" s="146"/>
      <c r="P81" s="147"/>
    </row>
  </sheetData>
  <mergeCells count="9">
    <mergeCell ref="B9:C9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44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2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411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5" customFormat="1" ht="3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64" customFormat="1" ht="22.5" customHeight="1">
      <c r="B9" s="429" t="s">
        <v>92</v>
      </c>
      <c r="C9" s="432"/>
      <c r="D9" s="255"/>
      <c r="E9" s="256"/>
      <c r="F9" s="152">
        <v>34279</v>
      </c>
      <c r="G9" s="152">
        <v>54174</v>
      </c>
      <c r="H9" s="154">
        <v>27694</v>
      </c>
      <c r="I9" s="155">
        <v>26480</v>
      </c>
      <c r="J9" s="81">
        <v>3494</v>
      </c>
      <c r="K9" s="83">
        <v>37094</v>
      </c>
      <c r="L9" s="83">
        <v>10734</v>
      </c>
      <c r="M9" s="84">
        <v>94124</v>
      </c>
      <c r="N9" s="85">
        <v>60789</v>
      </c>
      <c r="O9" s="85">
        <v>6093</v>
      </c>
      <c r="P9" s="86">
        <v>183.4</v>
      </c>
    </row>
    <row r="10" spans="1:16" s="11" customFormat="1" ht="6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22.5" customHeight="1">
      <c r="B11" s="87" t="s">
        <v>412</v>
      </c>
      <c r="C11" s="88" t="s">
        <v>26</v>
      </c>
      <c r="D11" s="257"/>
      <c r="E11" s="108"/>
      <c r="F11" s="91">
        <v>585</v>
      </c>
      <c r="G11" s="91">
        <v>828</v>
      </c>
      <c r="H11" s="92">
        <v>398</v>
      </c>
      <c r="I11" s="99">
        <v>430</v>
      </c>
      <c r="J11" s="94">
        <v>41</v>
      </c>
      <c r="K11" s="94">
        <v>628</v>
      </c>
      <c r="L11" s="94">
        <v>157</v>
      </c>
      <c r="M11" s="95">
        <v>619</v>
      </c>
      <c r="N11" s="96">
        <v>235</v>
      </c>
      <c r="O11" s="277">
        <v>0</v>
      </c>
      <c r="P11" s="97">
        <v>74.900000000000006</v>
      </c>
    </row>
    <row r="12" spans="1:16" s="11" customFormat="1" ht="22.5" customHeight="1">
      <c r="B12" s="87"/>
      <c r="C12" s="88" t="s">
        <v>27</v>
      </c>
      <c r="D12" s="257"/>
      <c r="E12" s="108"/>
      <c r="F12" s="91">
        <v>502</v>
      </c>
      <c r="G12" s="91">
        <v>845</v>
      </c>
      <c r="H12" s="92">
        <v>451</v>
      </c>
      <c r="I12" s="99">
        <v>394</v>
      </c>
      <c r="J12" s="94">
        <v>66</v>
      </c>
      <c r="K12" s="94">
        <v>538</v>
      </c>
      <c r="L12" s="94">
        <v>238</v>
      </c>
      <c r="M12" s="95">
        <v>720</v>
      </c>
      <c r="N12" s="96">
        <v>284</v>
      </c>
      <c r="O12" s="277">
        <v>0</v>
      </c>
      <c r="P12" s="97">
        <v>85.5</v>
      </c>
    </row>
    <row r="13" spans="1:16" s="11" customFormat="1" ht="22.5" customHeight="1">
      <c r="B13" s="87"/>
      <c r="C13" s="88" t="s">
        <v>28</v>
      </c>
      <c r="D13" s="257"/>
      <c r="E13" s="108"/>
      <c r="F13" s="91">
        <v>975</v>
      </c>
      <c r="G13" s="91">
        <v>1498</v>
      </c>
      <c r="H13" s="92">
        <v>817</v>
      </c>
      <c r="I13" s="99">
        <v>681</v>
      </c>
      <c r="J13" s="94">
        <v>123</v>
      </c>
      <c r="K13" s="94">
        <v>1105</v>
      </c>
      <c r="L13" s="94">
        <v>263</v>
      </c>
      <c r="M13" s="95">
        <v>1332</v>
      </c>
      <c r="N13" s="96">
        <v>640</v>
      </c>
      <c r="O13" s="277">
        <v>0</v>
      </c>
      <c r="P13" s="97">
        <v>89.3</v>
      </c>
    </row>
    <row r="14" spans="1:16" s="11" customFormat="1" ht="22.5" customHeight="1">
      <c r="B14" s="87" t="s">
        <v>413</v>
      </c>
      <c r="C14" s="88" t="s">
        <v>26</v>
      </c>
      <c r="D14" s="257"/>
      <c r="E14" s="108"/>
      <c r="F14" s="91">
        <v>599</v>
      </c>
      <c r="G14" s="91">
        <v>874</v>
      </c>
      <c r="H14" s="92">
        <v>432</v>
      </c>
      <c r="I14" s="99">
        <v>442</v>
      </c>
      <c r="J14" s="94">
        <v>33</v>
      </c>
      <c r="K14" s="94">
        <v>624</v>
      </c>
      <c r="L14" s="94">
        <v>217</v>
      </c>
      <c r="M14" s="95">
        <v>1059</v>
      </c>
      <c r="N14" s="96">
        <v>573</v>
      </c>
      <c r="O14" s="277">
        <v>0</v>
      </c>
      <c r="P14" s="97">
        <v>121.2</v>
      </c>
    </row>
    <row r="15" spans="1:16" s="11" customFormat="1" ht="22.5" customHeight="1">
      <c r="B15" s="87"/>
      <c r="C15" s="88" t="s">
        <v>27</v>
      </c>
      <c r="D15" s="257"/>
      <c r="E15" s="108"/>
      <c r="F15" s="91">
        <v>291</v>
      </c>
      <c r="G15" s="91">
        <v>496</v>
      </c>
      <c r="H15" s="92">
        <v>286</v>
      </c>
      <c r="I15" s="99">
        <v>210</v>
      </c>
      <c r="J15" s="94">
        <v>28</v>
      </c>
      <c r="K15" s="94">
        <v>321</v>
      </c>
      <c r="L15" s="94">
        <v>87</v>
      </c>
      <c r="M15" s="95">
        <v>635</v>
      </c>
      <c r="N15" s="96">
        <v>493</v>
      </c>
      <c r="O15" s="277">
        <v>0</v>
      </c>
      <c r="P15" s="97">
        <v>145.6</v>
      </c>
    </row>
    <row r="16" spans="1:16" s="11" customFormat="1" ht="22.5" customHeight="1">
      <c r="B16" s="87"/>
      <c r="C16" s="88" t="s">
        <v>28</v>
      </c>
      <c r="D16" s="257"/>
      <c r="E16" s="108"/>
      <c r="F16" s="91">
        <v>589</v>
      </c>
      <c r="G16" s="91">
        <v>1136</v>
      </c>
      <c r="H16" s="92">
        <v>547</v>
      </c>
      <c r="I16" s="99">
        <v>589</v>
      </c>
      <c r="J16" s="94">
        <v>128</v>
      </c>
      <c r="K16" s="94">
        <v>771</v>
      </c>
      <c r="L16" s="94">
        <v>215</v>
      </c>
      <c r="M16" s="95">
        <v>1741</v>
      </c>
      <c r="N16" s="96">
        <v>1059</v>
      </c>
      <c r="O16" s="96">
        <v>187</v>
      </c>
      <c r="P16" s="97">
        <v>156.30000000000001</v>
      </c>
    </row>
    <row r="17" spans="2:16" s="11" customFormat="1" ht="22.5" customHeight="1">
      <c r="B17" s="87" t="s">
        <v>223</v>
      </c>
      <c r="C17" s="88" t="s">
        <v>28</v>
      </c>
      <c r="D17" s="257"/>
      <c r="E17" s="108"/>
      <c r="F17" s="91">
        <v>232</v>
      </c>
      <c r="G17" s="91">
        <v>390</v>
      </c>
      <c r="H17" s="92">
        <v>204</v>
      </c>
      <c r="I17" s="99">
        <v>186</v>
      </c>
      <c r="J17" s="94">
        <v>22</v>
      </c>
      <c r="K17" s="94">
        <v>228</v>
      </c>
      <c r="L17" s="94">
        <v>119</v>
      </c>
      <c r="M17" s="95">
        <v>1621</v>
      </c>
      <c r="N17" s="96">
        <v>1356</v>
      </c>
      <c r="O17" s="96">
        <v>50</v>
      </c>
      <c r="P17" s="97">
        <v>439.3</v>
      </c>
    </row>
    <row r="18" spans="2:16" s="11" customFormat="1" ht="22.5" customHeight="1">
      <c r="B18" s="87"/>
      <c r="C18" s="88" t="s">
        <v>29</v>
      </c>
      <c r="D18" s="257"/>
      <c r="E18" s="108"/>
      <c r="F18" s="91">
        <v>520</v>
      </c>
      <c r="G18" s="91">
        <v>936</v>
      </c>
      <c r="H18" s="92">
        <v>445</v>
      </c>
      <c r="I18" s="99">
        <v>491</v>
      </c>
      <c r="J18" s="94">
        <v>65</v>
      </c>
      <c r="K18" s="94">
        <v>603</v>
      </c>
      <c r="L18" s="94">
        <v>242</v>
      </c>
      <c r="M18" s="95">
        <v>1855</v>
      </c>
      <c r="N18" s="96">
        <v>1428</v>
      </c>
      <c r="O18" s="96">
        <v>0</v>
      </c>
      <c r="P18" s="97">
        <v>203.8</v>
      </c>
    </row>
    <row r="19" spans="2:16" s="11" customFormat="1" ht="22.5" customHeight="1">
      <c r="B19" s="87"/>
      <c r="C19" s="88" t="s">
        <v>30</v>
      </c>
      <c r="D19" s="257"/>
      <c r="E19" s="108"/>
      <c r="F19" s="91">
        <v>740</v>
      </c>
      <c r="G19" s="91">
        <v>1564</v>
      </c>
      <c r="H19" s="92">
        <v>721</v>
      </c>
      <c r="I19" s="99">
        <v>843</v>
      </c>
      <c r="J19" s="94">
        <v>79</v>
      </c>
      <c r="K19" s="94">
        <v>890</v>
      </c>
      <c r="L19" s="94">
        <v>562</v>
      </c>
      <c r="M19" s="95">
        <v>3598</v>
      </c>
      <c r="N19" s="96">
        <v>2754</v>
      </c>
      <c r="O19" s="277">
        <v>0</v>
      </c>
      <c r="P19" s="97">
        <v>235</v>
      </c>
    </row>
    <row r="20" spans="2:16" s="11" customFormat="1" ht="22.5" customHeight="1">
      <c r="B20" s="87" t="s">
        <v>414</v>
      </c>
      <c r="C20" s="88" t="s">
        <v>26</v>
      </c>
      <c r="D20" s="257"/>
      <c r="E20" s="108"/>
      <c r="F20" s="91">
        <v>336</v>
      </c>
      <c r="G20" s="91">
        <v>525</v>
      </c>
      <c r="H20" s="92">
        <v>268</v>
      </c>
      <c r="I20" s="99">
        <v>257</v>
      </c>
      <c r="J20" s="94">
        <v>13</v>
      </c>
      <c r="K20" s="94">
        <v>363</v>
      </c>
      <c r="L20" s="94">
        <v>131</v>
      </c>
      <c r="M20" s="95">
        <v>2102</v>
      </c>
      <c r="N20" s="96">
        <v>1632</v>
      </c>
      <c r="O20" s="96">
        <v>162</v>
      </c>
      <c r="P20" s="97">
        <v>414.6</v>
      </c>
    </row>
    <row r="21" spans="2:16" s="11" customFormat="1" ht="22.5" customHeight="1">
      <c r="B21" s="87"/>
      <c r="C21" s="88" t="s">
        <v>27</v>
      </c>
      <c r="D21" s="257"/>
      <c r="E21" s="108"/>
      <c r="F21" s="91">
        <v>409</v>
      </c>
      <c r="G21" s="91">
        <v>737</v>
      </c>
      <c r="H21" s="92">
        <v>348</v>
      </c>
      <c r="I21" s="99">
        <v>389</v>
      </c>
      <c r="J21" s="94">
        <v>62</v>
      </c>
      <c r="K21" s="94">
        <v>375</v>
      </c>
      <c r="L21" s="94">
        <v>212</v>
      </c>
      <c r="M21" s="95">
        <v>558</v>
      </c>
      <c r="N21" s="96">
        <v>224</v>
      </c>
      <c r="O21" s="277">
        <v>0</v>
      </c>
      <c r="P21" s="97">
        <v>86</v>
      </c>
    </row>
    <row r="22" spans="2:16" s="11" customFormat="1" ht="23.25" customHeight="1">
      <c r="B22" s="87" t="s">
        <v>415</v>
      </c>
      <c r="C22" s="88" t="s">
        <v>26</v>
      </c>
      <c r="D22" s="257"/>
      <c r="E22" s="108"/>
      <c r="F22" s="91">
        <v>734</v>
      </c>
      <c r="G22" s="91">
        <v>1082</v>
      </c>
      <c r="H22" s="92">
        <v>634</v>
      </c>
      <c r="I22" s="99">
        <v>448</v>
      </c>
      <c r="J22" s="94">
        <v>36</v>
      </c>
      <c r="K22" s="94">
        <v>726</v>
      </c>
      <c r="L22" s="94">
        <v>320</v>
      </c>
      <c r="M22" s="95">
        <v>1516</v>
      </c>
      <c r="N22" s="96">
        <v>920</v>
      </c>
      <c r="O22" s="277">
        <v>0</v>
      </c>
      <c r="P22" s="97">
        <v>140.1</v>
      </c>
    </row>
    <row r="23" spans="2:16" s="11" customFormat="1" ht="23.25" customHeight="1">
      <c r="B23" s="87"/>
      <c r="C23" s="88" t="s">
        <v>27</v>
      </c>
      <c r="D23" s="257"/>
      <c r="E23" s="108"/>
      <c r="F23" s="91">
        <v>601</v>
      </c>
      <c r="G23" s="91">
        <v>765</v>
      </c>
      <c r="H23" s="92">
        <v>519</v>
      </c>
      <c r="I23" s="99">
        <v>246</v>
      </c>
      <c r="J23" s="94">
        <v>35</v>
      </c>
      <c r="K23" s="94">
        <v>507</v>
      </c>
      <c r="L23" s="94">
        <v>221</v>
      </c>
      <c r="M23" s="95">
        <v>1110</v>
      </c>
      <c r="N23" s="96">
        <v>622</v>
      </c>
      <c r="O23" s="277">
        <v>0</v>
      </c>
      <c r="P23" s="97">
        <v>145.5</v>
      </c>
    </row>
    <row r="24" spans="2:16" s="11" customFormat="1" ht="23.25" customHeight="1">
      <c r="B24" s="87"/>
      <c r="C24" s="88" t="s">
        <v>28</v>
      </c>
      <c r="D24" s="257"/>
      <c r="E24" s="108"/>
      <c r="F24" s="91">
        <v>204</v>
      </c>
      <c r="G24" s="91">
        <v>284</v>
      </c>
      <c r="H24" s="92">
        <v>157</v>
      </c>
      <c r="I24" s="99">
        <v>127</v>
      </c>
      <c r="J24" s="94">
        <v>13</v>
      </c>
      <c r="K24" s="94">
        <v>163</v>
      </c>
      <c r="L24" s="94">
        <v>106</v>
      </c>
      <c r="M24" s="95">
        <v>1190</v>
      </c>
      <c r="N24" s="96">
        <v>1037</v>
      </c>
      <c r="O24" s="277">
        <v>0</v>
      </c>
      <c r="P24" s="97">
        <v>422</v>
      </c>
    </row>
    <row r="25" spans="2:16" s="11" customFormat="1" ht="23.25" customHeight="1">
      <c r="B25" s="87" t="s">
        <v>416</v>
      </c>
      <c r="C25" s="88" t="s">
        <v>26</v>
      </c>
      <c r="D25" s="257"/>
      <c r="E25" s="108"/>
      <c r="F25" s="91">
        <v>371</v>
      </c>
      <c r="G25" s="91">
        <v>532</v>
      </c>
      <c r="H25" s="92">
        <v>302</v>
      </c>
      <c r="I25" s="99">
        <v>230</v>
      </c>
      <c r="J25" s="94">
        <v>42</v>
      </c>
      <c r="K25" s="94">
        <v>286</v>
      </c>
      <c r="L25" s="94">
        <v>161</v>
      </c>
      <c r="M25" s="95">
        <v>964</v>
      </c>
      <c r="N25" s="96">
        <v>669</v>
      </c>
      <c r="O25" s="277">
        <v>0</v>
      </c>
      <c r="P25" s="97">
        <v>197.1</v>
      </c>
    </row>
    <row r="26" spans="2:16" s="11" customFormat="1" ht="23.25" customHeight="1">
      <c r="B26" s="87"/>
      <c r="C26" s="88" t="s">
        <v>27</v>
      </c>
      <c r="D26" s="257"/>
      <c r="E26" s="108"/>
      <c r="F26" s="91">
        <v>1049</v>
      </c>
      <c r="G26" s="91">
        <v>1477</v>
      </c>
      <c r="H26" s="92">
        <v>886</v>
      </c>
      <c r="I26" s="99">
        <v>591</v>
      </c>
      <c r="J26" s="94">
        <v>65</v>
      </c>
      <c r="K26" s="94">
        <v>948</v>
      </c>
      <c r="L26" s="94">
        <v>292</v>
      </c>
      <c r="M26" s="95">
        <v>1951</v>
      </c>
      <c r="N26" s="96">
        <v>938</v>
      </c>
      <c r="O26" s="96">
        <v>148</v>
      </c>
      <c r="P26" s="97">
        <v>149.5</v>
      </c>
    </row>
    <row r="27" spans="2:16" s="11" customFormat="1" ht="23.25" customHeight="1">
      <c r="B27" s="87"/>
      <c r="C27" s="88" t="s">
        <v>28</v>
      </c>
      <c r="D27" s="257"/>
      <c r="E27" s="108"/>
      <c r="F27" s="91">
        <v>2447</v>
      </c>
      <c r="G27" s="91">
        <v>3387</v>
      </c>
      <c r="H27" s="92">
        <v>2133</v>
      </c>
      <c r="I27" s="99">
        <v>1254</v>
      </c>
      <c r="J27" s="94">
        <v>192</v>
      </c>
      <c r="K27" s="94">
        <v>2313</v>
      </c>
      <c r="L27" s="94">
        <v>787</v>
      </c>
      <c r="M27" s="95">
        <v>2675</v>
      </c>
      <c r="N27" s="96">
        <v>706</v>
      </c>
      <c r="O27" s="277">
        <v>0</v>
      </c>
      <c r="P27" s="97">
        <v>81.3</v>
      </c>
    </row>
    <row r="28" spans="2:16" s="11" customFormat="1" ht="23.25" customHeight="1">
      <c r="B28" s="87" t="s">
        <v>417</v>
      </c>
      <c r="C28" s="88" t="s">
        <v>26</v>
      </c>
      <c r="D28" s="257"/>
      <c r="E28" s="108"/>
      <c r="F28" s="91">
        <v>213</v>
      </c>
      <c r="G28" s="91">
        <v>316</v>
      </c>
      <c r="H28" s="92">
        <v>161</v>
      </c>
      <c r="I28" s="99">
        <v>155</v>
      </c>
      <c r="J28" s="94">
        <v>8</v>
      </c>
      <c r="K28" s="94">
        <v>205</v>
      </c>
      <c r="L28" s="94">
        <v>96</v>
      </c>
      <c r="M28" s="95">
        <v>4716</v>
      </c>
      <c r="N28" s="96">
        <v>3684</v>
      </c>
      <c r="O28" s="277">
        <v>859</v>
      </c>
      <c r="P28" s="97">
        <v>1526.2</v>
      </c>
    </row>
    <row r="29" spans="2:16" s="11" customFormat="1" ht="23.25" customHeight="1">
      <c r="B29" s="87"/>
      <c r="C29" s="88" t="s">
        <v>27</v>
      </c>
      <c r="D29" s="257"/>
      <c r="E29" s="108"/>
      <c r="F29" s="91">
        <v>248</v>
      </c>
      <c r="G29" s="91">
        <v>440</v>
      </c>
      <c r="H29" s="92">
        <v>222</v>
      </c>
      <c r="I29" s="99">
        <v>218</v>
      </c>
      <c r="J29" s="94">
        <v>17</v>
      </c>
      <c r="K29" s="94">
        <v>225</v>
      </c>
      <c r="L29" s="94">
        <v>125</v>
      </c>
      <c r="M29" s="95">
        <v>6927</v>
      </c>
      <c r="N29" s="96">
        <v>6713</v>
      </c>
      <c r="O29" s="277">
        <v>0</v>
      </c>
      <c r="P29" s="97">
        <v>1887.5</v>
      </c>
    </row>
    <row r="30" spans="2:16" s="11" customFormat="1" ht="23.25" customHeight="1">
      <c r="B30" s="87"/>
      <c r="C30" s="88" t="s">
        <v>28</v>
      </c>
      <c r="D30" s="257"/>
      <c r="E30" s="108"/>
      <c r="F30" s="91">
        <v>919</v>
      </c>
      <c r="G30" s="91">
        <v>1344</v>
      </c>
      <c r="H30" s="92">
        <v>647</v>
      </c>
      <c r="I30" s="99">
        <v>697</v>
      </c>
      <c r="J30" s="94">
        <v>64</v>
      </c>
      <c r="K30" s="94">
        <v>1009</v>
      </c>
      <c r="L30" s="94">
        <v>254</v>
      </c>
      <c r="M30" s="95">
        <v>5102</v>
      </c>
      <c r="N30" s="96">
        <v>2547</v>
      </c>
      <c r="O30" s="96">
        <v>1732</v>
      </c>
      <c r="P30" s="97">
        <v>384.5</v>
      </c>
    </row>
    <row r="31" spans="2:16" s="11" customFormat="1" ht="23.25" customHeight="1">
      <c r="B31" s="87" t="s">
        <v>418</v>
      </c>
      <c r="C31" s="88" t="s">
        <v>26</v>
      </c>
      <c r="D31" s="257"/>
      <c r="E31" s="108"/>
      <c r="F31" s="91">
        <v>811</v>
      </c>
      <c r="G31" s="91">
        <v>1206</v>
      </c>
      <c r="H31" s="92">
        <v>567</v>
      </c>
      <c r="I31" s="99">
        <v>639</v>
      </c>
      <c r="J31" s="94">
        <v>46</v>
      </c>
      <c r="K31" s="94">
        <v>916</v>
      </c>
      <c r="L31" s="94">
        <v>202</v>
      </c>
      <c r="M31" s="95">
        <v>3486</v>
      </c>
      <c r="N31" s="96">
        <v>2014</v>
      </c>
      <c r="O31" s="96">
        <v>805</v>
      </c>
      <c r="P31" s="97">
        <v>299.5</v>
      </c>
    </row>
    <row r="32" spans="2:16" s="11" customFormat="1" ht="23.25" customHeight="1">
      <c r="B32" s="87"/>
      <c r="C32" s="88" t="s">
        <v>27</v>
      </c>
      <c r="D32" s="257"/>
      <c r="E32" s="108"/>
      <c r="F32" s="91">
        <v>667</v>
      </c>
      <c r="G32" s="91">
        <v>1070</v>
      </c>
      <c r="H32" s="92">
        <v>509</v>
      </c>
      <c r="I32" s="99">
        <v>561</v>
      </c>
      <c r="J32" s="94">
        <v>64</v>
      </c>
      <c r="K32" s="94">
        <v>791</v>
      </c>
      <c r="L32" s="94">
        <v>209</v>
      </c>
      <c r="M32" s="95">
        <v>1927</v>
      </c>
      <c r="N32" s="96">
        <v>1460</v>
      </c>
      <c r="O32" s="277">
        <v>0</v>
      </c>
      <c r="P32" s="97">
        <v>181.1</v>
      </c>
    </row>
    <row r="33" spans="1:17" s="11" customFormat="1" ht="23.25" customHeight="1">
      <c r="B33" s="87"/>
      <c r="C33" s="88" t="s">
        <v>28</v>
      </c>
      <c r="D33" s="257"/>
      <c r="E33" s="108"/>
      <c r="F33" s="91">
        <v>876</v>
      </c>
      <c r="G33" s="91">
        <v>1395</v>
      </c>
      <c r="H33" s="92">
        <v>702</v>
      </c>
      <c r="I33" s="99">
        <v>693</v>
      </c>
      <c r="J33" s="94">
        <v>86</v>
      </c>
      <c r="K33" s="94">
        <v>963</v>
      </c>
      <c r="L33" s="94">
        <v>275</v>
      </c>
      <c r="M33" s="95">
        <v>1948</v>
      </c>
      <c r="N33" s="96">
        <v>1172</v>
      </c>
      <c r="O33" s="277">
        <v>0</v>
      </c>
      <c r="P33" s="97">
        <v>147.1</v>
      </c>
    </row>
    <row r="34" spans="1:17" s="11" customFormat="1" ht="22.5" customHeight="1">
      <c r="B34" s="87" t="s">
        <v>419</v>
      </c>
      <c r="C34" s="88" t="s">
        <v>26</v>
      </c>
      <c r="D34" s="257"/>
      <c r="E34" s="108"/>
      <c r="F34" s="91">
        <v>254</v>
      </c>
      <c r="G34" s="91">
        <v>421</v>
      </c>
      <c r="H34" s="92">
        <v>206</v>
      </c>
      <c r="I34" s="99">
        <v>215</v>
      </c>
      <c r="J34" s="295">
        <v>23</v>
      </c>
      <c r="K34" s="94">
        <v>267</v>
      </c>
      <c r="L34" s="94">
        <v>73</v>
      </c>
      <c r="M34" s="95">
        <v>2546</v>
      </c>
      <c r="N34" s="96">
        <v>2387</v>
      </c>
      <c r="O34" s="277">
        <v>0</v>
      </c>
      <c r="P34" s="97">
        <v>701.4</v>
      </c>
    </row>
    <row r="35" spans="1:17" s="11" customFormat="1" ht="22.5" customHeight="1">
      <c r="B35" s="87"/>
      <c r="C35" s="88" t="s">
        <v>27</v>
      </c>
      <c r="D35" s="257"/>
      <c r="E35" s="108"/>
      <c r="F35" s="94">
        <v>466</v>
      </c>
      <c r="G35" s="94">
        <v>792</v>
      </c>
      <c r="H35" s="98">
        <v>375</v>
      </c>
      <c r="I35" s="123">
        <v>417</v>
      </c>
      <c r="J35" s="295">
        <v>58</v>
      </c>
      <c r="K35" s="94">
        <v>617</v>
      </c>
      <c r="L35" s="94">
        <v>112</v>
      </c>
      <c r="M35" s="102">
        <v>2619</v>
      </c>
      <c r="N35" s="277">
        <v>2148</v>
      </c>
      <c r="O35" s="277">
        <v>0</v>
      </c>
      <c r="P35" s="109">
        <v>332.8</v>
      </c>
    </row>
    <row r="36" spans="1:17" s="11" customFormat="1" ht="22.5" customHeight="1">
      <c r="B36" s="87" t="s">
        <v>420</v>
      </c>
      <c r="C36" s="88" t="s">
        <v>26</v>
      </c>
      <c r="D36" s="257"/>
      <c r="E36" s="108"/>
      <c r="F36" s="91">
        <v>216</v>
      </c>
      <c r="G36" s="91">
        <v>300</v>
      </c>
      <c r="H36" s="92">
        <v>139</v>
      </c>
      <c r="I36" s="99">
        <v>161</v>
      </c>
      <c r="J36" s="94">
        <v>17</v>
      </c>
      <c r="K36" s="94">
        <v>195</v>
      </c>
      <c r="L36" s="94">
        <v>33</v>
      </c>
      <c r="M36" s="95">
        <v>2701</v>
      </c>
      <c r="N36" s="96">
        <v>2375</v>
      </c>
      <c r="O36" s="96">
        <v>177</v>
      </c>
      <c r="P36" s="97">
        <v>1102.4000000000001</v>
      </c>
    </row>
    <row r="37" spans="1:17" s="11" customFormat="1" ht="22.5" customHeight="1">
      <c r="B37" s="87"/>
      <c r="C37" s="88" t="s">
        <v>27</v>
      </c>
      <c r="D37" s="257"/>
      <c r="E37" s="108"/>
      <c r="F37" s="91">
        <v>218</v>
      </c>
      <c r="G37" s="91">
        <v>305</v>
      </c>
      <c r="H37" s="92">
        <v>152</v>
      </c>
      <c r="I37" s="99">
        <v>153</v>
      </c>
      <c r="J37" s="94">
        <v>5</v>
      </c>
      <c r="K37" s="94">
        <v>219</v>
      </c>
      <c r="L37" s="94">
        <v>81</v>
      </c>
      <c r="M37" s="95">
        <v>2055</v>
      </c>
      <c r="N37" s="96">
        <v>1906</v>
      </c>
      <c r="O37" s="277">
        <v>0</v>
      </c>
      <c r="P37" s="97">
        <v>673.8</v>
      </c>
    </row>
    <row r="38" spans="1:17" s="11" customFormat="1" ht="22.5" customHeight="1">
      <c r="B38" s="87" t="s">
        <v>123</v>
      </c>
      <c r="C38" s="88" t="s">
        <v>28</v>
      </c>
      <c r="D38" s="257"/>
      <c r="E38" s="108"/>
      <c r="F38" s="91">
        <v>354</v>
      </c>
      <c r="G38" s="91">
        <v>498</v>
      </c>
      <c r="H38" s="92">
        <v>236</v>
      </c>
      <c r="I38" s="99">
        <v>262</v>
      </c>
      <c r="J38" s="94">
        <v>34</v>
      </c>
      <c r="K38" s="94">
        <v>308</v>
      </c>
      <c r="L38" s="94">
        <v>43</v>
      </c>
      <c r="M38" s="95">
        <v>1147</v>
      </c>
      <c r="N38" s="96">
        <v>903</v>
      </c>
      <c r="O38" s="96">
        <v>82</v>
      </c>
      <c r="P38" s="97">
        <v>297.89999999999998</v>
      </c>
    </row>
    <row r="39" spans="1:17" s="11" customFormat="1" ht="22.5" customHeight="1">
      <c r="B39" s="87" t="s">
        <v>421</v>
      </c>
      <c r="C39" s="88" t="s">
        <v>26</v>
      </c>
      <c r="D39" s="257"/>
      <c r="E39" s="108"/>
      <c r="F39" s="91">
        <v>1072</v>
      </c>
      <c r="G39" s="91">
        <v>1551</v>
      </c>
      <c r="H39" s="92">
        <v>872</v>
      </c>
      <c r="I39" s="99">
        <v>679</v>
      </c>
      <c r="J39" s="94">
        <v>86</v>
      </c>
      <c r="K39" s="94">
        <v>921</v>
      </c>
      <c r="L39" s="94">
        <v>225</v>
      </c>
      <c r="M39" s="95">
        <v>1172</v>
      </c>
      <c r="N39" s="96">
        <v>638</v>
      </c>
      <c r="O39" s="277">
        <v>0</v>
      </c>
      <c r="P39" s="97">
        <v>95.1</v>
      </c>
    </row>
    <row r="40" spans="1:17" s="11" customFormat="1" ht="22.5" customHeight="1">
      <c r="A40" s="66"/>
      <c r="B40" s="110"/>
      <c r="C40" s="111" t="s">
        <v>27</v>
      </c>
      <c r="D40" s="260"/>
      <c r="E40" s="279"/>
      <c r="F40" s="115">
        <v>1395</v>
      </c>
      <c r="G40" s="115">
        <v>1890</v>
      </c>
      <c r="H40" s="116">
        <v>981</v>
      </c>
      <c r="I40" s="117">
        <v>909</v>
      </c>
      <c r="J40" s="118">
        <v>87</v>
      </c>
      <c r="K40" s="118">
        <v>1315</v>
      </c>
      <c r="L40" s="118">
        <v>300</v>
      </c>
      <c r="M40" s="119">
        <v>1883</v>
      </c>
      <c r="N40" s="120">
        <v>905</v>
      </c>
      <c r="O40" s="280">
        <v>0</v>
      </c>
      <c r="P40" s="122">
        <v>110.6</v>
      </c>
    </row>
    <row r="41" spans="1:17" s="11" customFormat="1" ht="22.5" customHeight="1">
      <c r="B41" s="87" t="s">
        <v>422</v>
      </c>
      <c r="C41" s="88" t="s">
        <v>26</v>
      </c>
      <c r="D41" s="257"/>
      <c r="E41" s="108"/>
      <c r="F41" s="91">
        <v>915</v>
      </c>
      <c r="G41" s="91">
        <v>1214</v>
      </c>
      <c r="H41" s="92">
        <v>636</v>
      </c>
      <c r="I41" s="99">
        <v>578</v>
      </c>
      <c r="J41" s="94">
        <v>44</v>
      </c>
      <c r="K41" s="94">
        <v>973</v>
      </c>
      <c r="L41" s="94">
        <v>182</v>
      </c>
      <c r="M41" s="95">
        <v>1517</v>
      </c>
      <c r="N41" s="96">
        <v>602</v>
      </c>
      <c r="O41" s="96">
        <v>138</v>
      </c>
      <c r="P41" s="97">
        <v>126.5</v>
      </c>
      <c r="Q41" s="44"/>
    </row>
    <row r="42" spans="1:17" s="11" customFormat="1" ht="22.5" customHeight="1">
      <c r="B42" s="87"/>
      <c r="C42" s="88" t="s">
        <v>27</v>
      </c>
      <c r="D42" s="257"/>
      <c r="E42" s="108"/>
      <c r="F42" s="91">
        <v>418</v>
      </c>
      <c r="G42" s="91">
        <v>685</v>
      </c>
      <c r="H42" s="92">
        <v>371</v>
      </c>
      <c r="I42" s="99">
        <v>314</v>
      </c>
      <c r="J42" s="94">
        <v>42</v>
      </c>
      <c r="K42" s="94">
        <v>463</v>
      </c>
      <c r="L42" s="94">
        <v>150</v>
      </c>
      <c r="M42" s="95">
        <v>1405</v>
      </c>
      <c r="N42" s="96">
        <v>467</v>
      </c>
      <c r="O42" s="96">
        <v>593</v>
      </c>
      <c r="P42" s="97">
        <v>214.5</v>
      </c>
      <c r="Q42" s="44"/>
    </row>
    <row r="43" spans="1:17" s="11" customFormat="1" ht="22.5" customHeight="1">
      <c r="B43" s="87" t="s">
        <v>423</v>
      </c>
      <c r="C43" s="88" t="s">
        <v>26</v>
      </c>
      <c r="D43" s="257"/>
      <c r="E43" s="108"/>
      <c r="F43" s="91">
        <v>881</v>
      </c>
      <c r="G43" s="91">
        <v>1214</v>
      </c>
      <c r="H43" s="92">
        <v>631</v>
      </c>
      <c r="I43" s="99">
        <v>583</v>
      </c>
      <c r="J43" s="94">
        <v>76</v>
      </c>
      <c r="K43" s="94">
        <v>726</v>
      </c>
      <c r="L43" s="94">
        <v>121</v>
      </c>
      <c r="M43" s="95">
        <v>1273</v>
      </c>
      <c r="N43" s="96">
        <v>681</v>
      </c>
      <c r="O43" s="96">
        <v>157</v>
      </c>
      <c r="P43" s="97">
        <v>137.9</v>
      </c>
      <c r="Q43" s="44"/>
    </row>
    <row r="44" spans="1:17" s="11" customFormat="1" ht="22.5" customHeight="1">
      <c r="B44" s="87"/>
      <c r="C44" s="88" t="s">
        <v>27</v>
      </c>
      <c r="D44" s="257"/>
      <c r="E44" s="108"/>
      <c r="F44" s="91">
        <v>916</v>
      </c>
      <c r="G44" s="91">
        <v>1365</v>
      </c>
      <c r="H44" s="92">
        <v>783</v>
      </c>
      <c r="I44" s="99">
        <v>582</v>
      </c>
      <c r="J44" s="94">
        <v>104</v>
      </c>
      <c r="K44" s="94">
        <v>984</v>
      </c>
      <c r="L44" s="94">
        <v>214</v>
      </c>
      <c r="M44" s="95">
        <v>1689</v>
      </c>
      <c r="N44" s="96">
        <v>911</v>
      </c>
      <c r="O44" s="278">
        <v>0</v>
      </c>
      <c r="P44" s="97">
        <v>129.69999999999999</v>
      </c>
      <c r="Q44" s="44"/>
    </row>
    <row r="45" spans="1:17" s="11" customFormat="1" ht="22.5" customHeight="1">
      <c r="B45" s="87"/>
      <c r="C45" s="88" t="s">
        <v>28</v>
      </c>
      <c r="D45" s="257"/>
      <c r="E45" s="108"/>
      <c r="F45" s="91">
        <v>1152</v>
      </c>
      <c r="G45" s="91">
        <v>1625</v>
      </c>
      <c r="H45" s="92">
        <v>953</v>
      </c>
      <c r="I45" s="99">
        <v>672</v>
      </c>
      <c r="J45" s="94">
        <v>108</v>
      </c>
      <c r="K45" s="94">
        <v>1188</v>
      </c>
      <c r="L45" s="94">
        <v>246</v>
      </c>
      <c r="M45" s="95">
        <v>1215</v>
      </c>
      <c r="N45" s="96">
        <v>381</v>
      </c>
      <c r="O45" s="278">
        <v>0</v>
      </c>
      <c r="P45" s="97">
        <v>78.8</v>
      </c>
      <c r="Q45" s="44"/>
    </row>
    <row r="46" spans="1:17" s="11" customFormat="1" ht="22.5" customHeight="1">
      <c r="B46" s="87" t="s">
        <v>424</v>
      </c>
      <c r="C46" s="88" t="s">
        <v>26</v>
      </c>
      <c r="D46" s="257"/>
      <c r="E46" s="108"/>
      <c r="F46" s="91">
        <v>27</v>
      </c>
      <c r="G46" s="91">
        <v>52</v>
      </c>
      <c r="H46" s="92">
        <v>31</v>
      </c>
      <c r="I46" s="99">
        <v>21</v>
      </c>
      <c r="J46" s="94">
        <v>5</v>
      </c>
      <c r="K46" s="94">
        <v>33</v>
      </c>
      <c r="L46" s="94">
        <v>14</v>
      </c>
      <c r="M46" s="95">
        <v>385</v>
      </c>
      <c r="N46" s="96">
        <v>364</v>
      </c>
      <c r="O46" s="278">
        <v>0</v>
      </c>
      <c r="P46" s="97">
        <v>740.4</v>
      </c>
      <c r="Q46" s="44"/>
    </row>
    <row r="47" spans="1:17" s="11" customFormat="1" ht="22.5" customHeight="1">
      <c r="B47" s="87"/>
      <c r="C47" s="88" t="s">
        <v>27</v>
      </c>
      <c r="D47" s="257"/>
      <c r="E47" s="108"/>
      <c r="F47" s="91">
        <v>181</v>
      </c>
      <c r="G47" s="91">
        <v>463</v>
      </c>
      <c r="H47" s="92">
        <v>211</v>
      </c>
      <c r="I47" s="99">
        <v>252</v>
      </c>
      <c r="J47" s="94">
        <v>69</v>
      </c>
      <c r="K47" s="94">
        <v>254</v>
      </c>
      <c r="L47" s="94">
        <v>140</v>
      </c>
      <c r="M47" s="95">
        <v>461</v>
      </c>
      <c r="N47" s="96">
        <v>195</v>
      </c>
      <c r="O47" s="278">
        <v>0</v>
      </c>
      <c r="P47" s="97">
        <v>99.6</v>
      </c>
      <c r="Q47" s="44"/>
    </row>
    <row r="48" spans="1:17" s="11" customFormat="1" ht="22.5" customHeight="1">
      <c r="B48" s="87" t="s">
        <v>123</v>
      </c>
      <c r="C48" s="88" t="s">
        <v>28</v>
      </c>
      <c r="D48" s="257"/>
      <c r="E48" s="108"/>
      <c r="F48" s="91">
        <v>453</v>
      </c>
      <c r="G48" s="91">
        <v>900</v>
      </c>
      <c r="H48" s="92">
        <v>411</v>
      </c>
      <c r="I48" s="99">
        <v>489</v>
      </c>
      <c r="J48" s="94">
        <v>68</v>
      </c>
      <c r="K48" s="94">
        <v>574</v>
      </c>
      <c r="L48" s="94">
        <v>258</v>
      </c>
      <c r="M48" s="95">
        <v>705</v>
      </c>
      <c r="N48" s="96">
        <v>169</v>
      </c>
      <c r="O48" s="278">
        <v>0</v>
      </c>
      <c r="P48" s="97">
        <v>78.3</v>
      </c>
      <c r="Q48" s="44"/>
    </row>
    <row r="49" spans="2:17" s="11" customFormat="1" ht="22.5" customHeight="1">
      <c r="B49" s="87" t="s">
        <v>425</v>
      </c>
      <c r="C49" s="88" t="s">
        <v>26</v>
      </c>
      <c r="D49" s="257"/>
      <c r="E49" s="108"/>
      <c r="F49" s="91">
        <v>109</v>
      </c>
      <c r="G49" s="91">
        <v>224</v>
      </c>
      <c r="H49" s="92">
        <v>96</v>
      </c>
      <c r="I49" s="99">
        <v>128</v>
      </c>
      <c r="J49" s="94">
        <v>16</v>
      </c>
      <c r="K49" s="94">
        <v>119</v>
      </c>
      <c r="L49" s="94">
        <v>89</v>
      </c>
      <c r="M49" s="95">
        <v>261</v>
      </c>
      <c r="N49" s="96">
        <v>113</v>
      </c>
      <c r="O49" s="278">
        <v>0</v>
      </c>
      <c r="P49" s="97">
        <v>116.5</v>
      </c>
      <c r="Q49" s="44"/>
    </row>
    <row r="50" spans="2:17" s="11" customFormat="1" ht="22.5" customHeight="1">
      <c r="B50" s="87"/>
      <c r="C50" s="88" t="s">
        <v>27</v>
      </c>
      <c r="D50" s="257"/>
      <c r="E50" s="108"/>
      <c r="F50" s="91">
        <v>338</v>
      </c>
      <c r="G50" s="91">
        <v>728</v>
      </c>
      <c r="H50" s="92">
        <v>334</v>
      </c>
      <c r="I50" s="92">
        <v>394</v>
      </c>
      <c r="J50" s="123">
        <v>114</v>
      </c>
      <c r="K50" s="94">
        <v>461</v>
      </c>
      <c r="L50" s="94">
        <v>153</v>
      </c>
      <c r="M50" s="95">
        <v>636</v>
      </c>
      <c r="N50" s="134">
        <v>75</v>
      </c>
      <c r="O50" s="96">
        <v>210</v>
      </c>
      <c r="P50" s="97">
        <v>87.4</v>
      </c>
      <c r="Q50" s="44"/>
    </row>
    <row r="51" spans="2:17" s="11" customFormat="1" ht="22.5" customHeight="1">
      <c r="B51" s="87"/>
      <c r="C51" s="88" t="s">
        <v>28</v>
      </c>
      <c r="D51" s="257"/>
      <c r="E51" s="259"/>
      <c r="F51" s="91">
        <v>218</v>
      </c>
      <c r="G51" s="91">
        <v>450</v>
      </c>
      <c r="H51" s="92">
        <v>212</v>
      </c>
      <c r="I51" s="92">
        <v>238</v>
      </c>
      <c r="J51" s="123">
        <v>63</v>
      </c>
      <c r="K51" s="94">
        <v>256</v>
      </c>
      <c r="L51" s="94">
        <v>131</v>
      </c>
      <c r="M51" s="102">
        <v>304</v>
      </c>
      <c r="N51" s="100">
        <v>40</v>
      </c>
      <c r="O51" s="278">
        <v>0</v>
      </c>
      <c r="P51" s="109">
        <v>67.599999999999994</v>
      </c>
      <c r="Q51" s="44"/>
    </row>
    <row r="52" spans="2:17" s="11" customFormat="1" ht="22.5" customHeight="1">
      <c r="B52" s="87"/>
      <c r="C52" s="88" t="s">
        <v>29</v>
      </c>
      <c r="D52" s="257"/>
      <c r="E52" s="259"/>
      <c r="F52" s="91">
        <v>205</v>
      </c>
      <c r="G52" s="91">
        <v>513</v>
      </c>
      <c r="H52" s="92">
        <v>224</v>
      </c>
      <c r="I52" s="92">
        <v>289</v>
      </c>
      <c r="J52" s="123">
        <v>75</v>
      </c>
      <c r="K52" s="94">
        <v>369</v>
      </c>
      <c r="L52" s="94">
        <v>69</v>
      </c>
      <c r="M52" s="95">
        <v>262</v>
      </c>
      <c r="N52" s="134">
        <v>0</v>
      </c>
      <c r="O52" s="278">
        <v>0</v>
      </c>
      <c r="P52" s="109">
        <v>51.1</v>
      </c>
      <c r="Q52" s="44"/>
    </row>
    <row r="53" spans="2:17" s="11" customFormat="1" ht="22.5" customHeight="1">
      <c r="B53" s="87" t="s">
        <v>426</v>
      </c>
      <c r="C53" s="88" t="s">
        <v>26</v>
      </c>
      <c r="D53" s="257"/>
      <c r="E53" s="259"/>
      <c r="F53" s="91">
        <v>119</v>
      </c>
      <c r="G53" s="91">
        <v>276</v>
      </c>
      <c r="H53" s="92">
        <v>126</v>
      </c>
      <c r="I53" s="92">
        <v>150</v>
      </c>
      <c r="J53" s="123">
        <v>15</v>
      </c>
      <c r="K53" s="94">
        <v>181</v>
      </c>
      <c r="L53" s="94">
        <v>77</v>
      </c>
      <c r="M53" s="95">
        <v>719</v>
      </c>
      <c r="N53" s="134">
        <v>543</v>
      </c>
      <c r="O53" s="278">
        <v>0</v>
      </c>
      <c r="P53" s="97">
        <v>263.39999999999998</v>
      </c>
      <c r="Q53" s="44"/>
    </row>
    <row r="54" spans="2:17" s="11" customFormat="1" ht="22.5" customHeight="1">
      <c r="B54" s="87"/>
      <c r="C54" s="88" t="s">
        <v>27</v>
      </c>
      <c r="D54" s="257"/>
      <c r="E54" s="259"/>
      <c r="F54" s="91">
        <v>108</v>
      </c>
      <c r="G54" s="91">
        <v>183</v>
      </c>
      <c r="H54" s="92">
        <v>98</v>
      </c>
      <c r="I54" s="92">
        <v>85</v>
      </c>
      <c r="J54" s="123">
        <v>13</v>
      </c>
      <c r="K54" s="94">
        <v>112</v>
      </c>
      <c r="L54" s="94">
        <v>47</v>
      </c>
      <c r="M54" s="95">
        <v>348</v>
      </c>
      <c r="N54" s="134">
        <v>251</v>
      </c>
      <c r="O54" s="278">
        <v>0</v>
      </c>
      <c r="P54" s="97">
        <v>202.3</v>
      </c>
      <c r="Q54" s="44"/>
    </row>
    <row r="55" spans="2:17" s="11" customFormat="1" ht="22.5" customHeight="1">
      <c r="B55" s="87" t="s">
        <v>427</v>
      </c>
      <c r="C55" s="88" t="s">
        <v>26</v>
      </c>
      <c r="D55" s="257"/>
      <c r="E55" s="259"/>
      <c r="F55" s="91">
        <v>259</v>
      </c>
      <c r="G55" s="91">
        <v>506</v>
      </c>
      <c r="H55" s="92">
        <v>258</v>
      </c>
      <c r="I55" s="92">
        <v>248</v>
      </c>
      <c r="J55" s="123">
        <v>40</v>
      </c>
      <c r="K55" s="94">
        <v>347</v>
      </c>
      <c r="L55" s="94">
        <v>119</v>
      </c>
      <c r="M55" s="95">
        <v>616</v>
      </c>
      <c r="N55" s="134">
        <v>374</v>
      </c>
      <c r="O55" s="278">
        <v>0</v>
      </c>
      <c r="P55" s="97">
        <v>121.7</v>
      </c>
      <c r="Q55" s="44"/>
    </row>
    <row r="56" spans="2:17" s="11" customFormat="1" ht="22.5" customHeight="1">
      <c r="B56" s="87"/>
      <c r="C56" s="88" t="s">
        <v>27</v>
      </c>
      <c r="D56" s="257"/>
      <c r="E56" s="259"/>
      <c r="F56" s="91">
        <v>270</v>
      </c>
      <c r="G56" s="91">
        <v>581</v>
      </c>
      <c r="H56" s="92">
        <v>268</v>
      </c>
      <c r="I56" s="92">
        <v>313</v>
      </c>
      <c r="J56" s="123">
        <v>44</v>
      </c>
      <c r="K56" s="94">
        <v>388</v>
      </c>
      <c r="L56" s="94">
        <v>149</v>
      </c>
      <c r="M56" s="95">
        <v>414</v>
      </c>
      <c r="N56" s="134">
        <v>158</v>
      </c>
      <c r="O56" s="278">
        <v>0</v>
      </c>
      <c r="P56" s="97">
        <v>71.3</v>
      </c>
      <c r="Q56" s="44"/>
    </row>
    <row r="57" spans="2:17" s="11" customFormat="1" ht="22.5" customHeight="1">
      <c r="B57" s="87" t="s">
        <v>428</v>
      </c>
      <c r="C57" s="88" t="s">
        <v>26</v>
      </c>
      <c r="D57" s="257"/>
      <c r="E57" s="259"/>
      <c r="F57" s="91">
        <v>85</v>
      </c>
      <c r="G57" s="91">
        <v>212</v>
      </c>
      <c r="H57" s="92">
        <v>113</v>
      </c>
      <c r="I57" s="92">
        <v>99</v>
      </c>
      <c r="J57" s="123">
        <v>36</v>
      </c>
      <c r="K57" s="94">
        <v>140</v>
      </c>
      <c r="L57" s="94">
        <v>34</v>
      </c>
      <c r="M57" s="95">
        <v>322</v>
      </c>
      <c r="N57" s="134">
        <v>224</v>
      </c>
      <c r="O57" s="278">
        <v>0</v>
      </c>
      <c r="P57" s="97">
        <v>153.30000000000001</v>
      </c>
      <c r="Q57" s="44"/>
    </row>
    <row r="58" spans="2:17" s="11" customFormat="1" ht="22.5" customHeight="1">
      <c r="B58" s="87"/>
      <c r="C58" s="88" t="s">
        <v>27</v>
      </c>
      <c r="D58" s="257"/>
      <c r="E58" s="259"/>
      <c r="F58" s="91">
        <v>109</v>
      </c>
      <c r="G58" s="91">
        <v>241</v>
      </c>
      <c r="H58" s="92">
        <v>121</v>
      </c>
      <c r="I58" s="92">
        <v>120</v>
      </c>
      <c r="J58" s="123">
        <v>18</v>
      </c>
      <c r="K58" s="94">
        <v>147</v>
      </c>
      <c r="L58" s="94">
        <v>73</v>
      </c>
      <c r="M58" s="95">
        <v>430</v>
      </c>
      <c r="N58" s="134">
        <v>227</v>
      </c>
      <c r="O58" s="96">
        <v>102</v>
      </c>
      <c r="P58" s="97">
        <v>180.7</v>
      </c>
      <c r="Q58" s="44"/>
    </row>
    <row r="59" spans="2:17" s="11" customFormat="1" ht="22.5" customHeight="1">
      <c r="B59" s="87" t="s">
        <v>429</v>
      </c>
      <c r="C59" s="88" t="s">
        <v>26</v>
      </c>
      <c r="D59" s="257"/>
      <c r="E59" s="259"/>
      <c r="F59" s="91">
        <v>216</v>
      </c>
      <c r="G59" s="91">
        <v>302</v>
      </c>
      <c r="H59" s="92">
        <v>154</v>
      </c>
      <c r="I59" s="92">
        <v>148</v>
      </c>
      <c r="J59" s="123">
        <v>10</v>
      </c>
      <c r="K59" s="94">
        <v>217</v>
      </c>
      <c r="L59" s="94">
        <v>62</v>
      </c>
      <c r="M59" s="95">
        <v>558</v>
      </c>
      <c r="N59" s="134">
        <v>417</v>
      </c>
      <c r="O59" s="278">
        <v>0</v>
      </c>
      <c r="P59" s="97">
        <v>193.1</v>
      </c>
      <c r="Q59" s="44"/>
    </row>
    <row r="60" spans="2:17" s="11" customFormat="1" ht="22.5" customHeight="1">
      <c r="B60" s="87" t="s">
        <v>123</v>
      </c>
      <c r="C60" s="88" t="s">
        <v>27</v>
      </c>
      <c r="D60" s="257"/>
      <c r="E60" s="259"/>
      <c r="F60" s="91">
        <v>214</v>
      </c>
      <c r="G60" s="91">
        <v>392</v>
      </c>
      <c r="H60" s="92">
        <v>212</v>
      </c>
      <c r="I60" s="92">
        <v>180</v>
      </c>
      <c r="J60" s="123">
        <v>45</v>
      </c>
      <c r="K60" s="94">
        <v>227</v>
      </c>
      <c r="L60" s="94">
        <v>73</v>
      </c>
      <c r="M60" s="95">
        <v>673</v>
      </c>
      <c r="N60" s="134">
        <v>278</v>
      </c>
      <c r="O60" s="103">
        <v>206</v>
      </c>
      <c r="P60" s="109">
        <v>195.1</v>
      </c>
      <c r="Q60" s="44"/>
    </row>
    <row r="61" spans="2:17" s="11" customFormat="1" ht="22.5" customHeight="1">
      <c r="B61" s="87" t="s">
        <v>430</v>
      </c>
      <c r="C61" s="88" t="s">
        <v>26</v>
      </c>
      <c r="D61" s="257"/>
      <c r="E61" s="259"/>
      <c r="F61" s="91">
        <v>649</v>
      </c>
      <c r="G61" s="91">
        <v>1013</v>
      </c>
      <c r="H61" s="92">
        <v>465</v>
      </c>
      <c r="I61" s="92">
        <v>548</v>
      </c>
      <c r="J61" s="123">
        <v>75</v>
      </c>
      <c r="K61" s="94">
        <v>821</v>
      </c>
      <c r="L61" s="94">
        <v>112</v>
      </c>
      <c r="M61" s="95">
        <v>898</v>
      </c>
      <c r="N61" s="134">
        <v>474</v>
      </c>
      <c r="O61" s="278">
        <v>0</v>
      </c>
      <c r="P61" s="97">
        <v>89.1</v>
      </c>
      <c r="Q61" s="44"/>
    </row>
    <row r="62" spans="2:17" s="11" customFormat="1" ht="22.5" customHeight="1">
      <c r="B62" s="87" t="s">
        <v>123</v>
      </c>
      <c r="C62" s="88" t="s">
        <v>27</v>
      </c>
      <c r="D62" s="257"/>
      <c r="E62" s="259"/>
      <c r="F62" s="311">
        <v>1102</v>
      </c>
      <c r="G62" s="311">
        <v>1963</v>
      </c>
      <c r="H62" s="312">
        <v>858</v>
      </c>
      <c r="I62" s="312">
        <v>1105</v>
      </c>
      <c r="J62" s="313">
        <v>129</v>
      </c>
      <c r="K62" s="314">
        <v>1434</v>
      </c>
      <c r="L62" s="314">
        <v>362</v>
      </c>
      <c r="M62" s="315">
        <v>1883</v>
      </c>
      <c r="N62" s="316">
        <v>695</v>
      </c>
      <c r="O62" s="278">
        <v>0</v>
      </c>
      <c r="P62" s="317">
        <v>97.8</v>
      </c>
      <c r="Q62" s="44"/>
    </row>
    <row r="63" spans="2:17" s="11" customFormat="1" ht="22.5" customHeight="1">
      <c r="B63" s="87"/>
      <c r="C63" s="88" t="s">
        <v>28</v>
      </c>
      <c r="D63" s="257"/>
      <c r="E63" s="259"/>
      <c r="F63" s="311">
        <v>801</v>
      </c>
      <c r="G63" s="311">
        <v>1196</v>
      </c>
      <c r="H63" s="312">
        <v>579</v>
      </c>
      <c r="I63" s="312">
        <v>617</v>
      </c>
      <c r="J63" s="313">
        <v>82</v>
      </c>
      <c r="K63" s="314">
        <v>843</v>
      </c>
      <c r="L63" s="314">
        <v>180</v>
      </c>
      <c r="M63" s="315">
        <v>1231</v>
      </c>
      <c r="N63" s="316">
        <v>678</v>
      </c>
      <c r="O63" s="278">
        <v>0</v>
      </c>
      <c r="P63" s="317">
        <v>111.4</v>
      </c>
      <c r="Q63" s="44"/>
    </row>
    <row r="64" spans="2:17" s="11" customFormat="1" ht="22.5" customHeight="1">
      <c r="B64" s="87" t="s">
        <v>431</v>
      </c>
      <c r="C64" s="88" t="s">
        <v>26</v>
      </c>
      <c r="D64" s="257"/>
      <c r="E64" s="259"/>
      <c r="F64" s="311">
        <v>691</v>
      </c>
      <c r="G64" s="311">
        <v>891</v>
      </c>
      <c r="H64" s="312">
        <v>437</v>
      </c>
      <c r="I64" s="312">
        <v>454</v>
      </c>
      <c r="J64" s="313">
        <v>27</v>
      </c>
      <c r="K64" s="314">
        <v>765</v>
      </c>
      <c r="L64" s="314">
        <v>91</v>
      </c>
      <c r="M64" s="315">
        <v>1832</v>
      </c>
      <c r="N64" s="316">
        <v>1371</v>
      </c>
      <c r="O64" s="278">
        <v>0</v>
      </c>
      <c r="P64" s="317">
        <v>207.5</v>
      </c>
      <c r="Q64" s="44"/>
    </row>
    <row r="65" spans="1:17" s="11" customFormat="1" ht="22.5" customHeight="1">
      <c r="B65" s="87"/>
      <c r="C65" s="88" t="s">
        <v>27</v>
      </c>
      <c r="D65" s="257"/>
      <c r="E65" s="259"/>
      <c r="F65" s="311">
        <v>1485</v>
      </c>
      <c r="G65" s="311">
        <v>2171</v>
      </c>
      <c r="H65" s="312">
        <v>948</v>
      </c>
      <c r="I65" s="312">
        <v>1223</v>
      </c>
      <c r="J65" s="313">
        <v>113</v>
      </c>
      <c r="K65" s="314">
        <v>1566</v>
      </c>
      <c r="L65" s="314">
        <v>299</v>
      </c>
      <c r="M65" s="315">
        <v>2268</v>
      </c>
      <c r="N65" s="316">
        <v>1322</v>
      </c>
      <c r="O65" s="278">
        <v>0</v>
      </c>
      <c r="P65" s="317">
        <v>114.7</v>
      </c>
      <c r="Q65" s="44"/>
    </row>
    <row r="66" spans="1:17" s="11" customFormat="1" ht="22.5" customHeight="1">
      <c r="B66" s="87"/>
      <c r="C66" s="88" t="s">
        <v>28</v>
      </c>
      <c r="D66" s="257"/>
      <c r="E66" s="259"/>
      <c r="F66" s="311">
        <v>660</v>
      </c>
      <c r="G66" s="311">
        <v>1111</v>
      </c>
      <c r="H66" s="312">
        <v>539</v>
      </c>
      <c r="I66" s="312">
        <v>572</v>
      </c>
      <c r="J66" s="313">
        <v>50</v>
      </c>
      <c r="K66" s="314">
        <v>824</v>
      </c>
      <c r="L66" s="314">
        <v>172</v>
      </c>
      <c r="M66" s="315">
        <v>1266</v>
      </c>
      <c r="N66" s="316">
        <v>806</v>
      </c>
      <c r="O66" s="278">
        <v>0</v>
      </c>
      <c r="P66" s="317">
        <v>121</v>
      </c>
      <c r="Q66" s="44"/>
    </row>
    <row r="67" spans="1:17" s="11" customFormat="1" ht="22.5" customHeight="1">
      <c r="B67" s="87"/>
      <c r="C67" s="88" t="s">
        <v>29</v>
      </c>
      <c r="D67" s="257"/>
      <c r="E67" s="259"/>
      <c r="F67" s="318">
        <v>744</v>
      </c>
      <c r="G67" s="318">
        <v>1308</v>
      </c>
      <c r="H67" s="319">
        <v>627</v>
      </c>
      <c r="I67" s="319">
        <v>681</v>
      </c>
      <c r="J67" s="320">
        <v>73</v>
      </c>
      <c r="K67" s="321">
        <v>783</v>
      </c>
      <c r="L67" s="321">
        <v>183</v>
      </c>
      <c r="M67" s="315">
        <v>2282</v>
      </c>
      <c r="N67" s="316">
        <v>1875</v>
      </c>
      <c r="O67" s="278">
        <v>0</v>
      </c>
      <c r="P67" s="317">
        <v>219.6</v>
      </c>
      <c r="Q67" s="44"/>
    </row>
    <row r="68" spans="1:17" s="11" customFormat="1" ht="22.5" customHeight="1">
      <c r="B68" s="87" t="s">
        <v>432</v>
      </c>
      <c r="C68" s="88" t="s">
        <v>26</v>
      </c>
      <c r="D68" s="257"/>
      <c r="E68" s="259"/>
      <c r="F68" s="318">
        <v>292</v>
      </c>
      <c r="G68" s="318">
        <v>579</v>
      </c>
      <c r="H68" s="319">
        <v>259</v>
      </c>
      <c r="I68" s="319">
        <v>320</v>
      </c>
      <c r="J68" s="320">
        <v>48</v>
      </c>
      <c r="K68" s="321">
        <v>333</v>
      </c>
      <c r="L68" s="321">
        <v>198</v>
      </c>
      <c r="M68" s="315">
        <v>1029</v>
      </c>
      <c r="N68" s="316">
        <v>274</v>
      </c>
      <c r="O68" s="322">
        <v>477</v>
      </c>
      <c r="P68" s="317">
        <v>177.7</v>
      </c>
      <c r="Q68" s="44"/>
    </row>
    <row r="69" spans="1:17" s="11" customFormat="1" ht="22.5" customHeight="1">
      <c r="B69" s="87"/>
      <c r="C69" s="88" t="s">
        <v>27</v>
      </c>
      <c r="D69" s="257"/>
      <c r="E69" s="259"/>
      <c r="F69" s="318">
        <v>320</v>
      </c>
      <c r="G69" s="318">
        <v>556</v>
      </c>
      <c r="H69" s="319">
        <v>266</v>
      </c>
      <c r="I69" s="319">
        <v>290</v>
      </c>
      <c r="J69" s="320">
        <v>59</v>
      </c>
      <c r="K69" s="321">
        <v>432</v>
      </c>
      <c r="L69" s="321">
        <v>65</v>
      </c>
      <c r="M69" s="315">
        <v>758</v>
      </c>
      <c r="N69" s="316">
        <v>506</v>
      </c>
      <c r="O69" s="278">
        <v>0</v>
      </c>
      <c r="P69" s="317">
        <v>136.30000000000001</v>
      </c>
      <c r="Q69" s="44"/>
    </row>
    <row r="70" spans="1:17" s="11" customFormat="1" ht="22.5" customHeight="1">
      <c r="B70" s="87"/>
      <c r="C70" s="88" t="s">
        <v>28</v>
      </c>
      <c r="D70" s="257"/>
      <c r="E70" s="259"/>
      <c r="F70" s="318">
        <v>541</v>
      </c>
      <c r="G70" s="318">
        <v>946</v>
      </c>
      <c r="H70" s="319">
        <v>462</v>
      </c>
      <c r="I70" s="319">
        <v>484</v>
      </c>
      <c r="J70" s="320">
        <v>79</v>
      </c>
      <c r="K70" s="321">
        <v>723</v>
      </c>
      <c r="L70" s="321">
        <v>136</v>
      </c>
      <c r="M70" s="315">
        <v>1227</v>
      </c>
      <c r="N70" s="316">
        <v>833</v>
      </c>
      <c r="O70" s="322">
        <v>8</v>
      </c>
      <c r="P70" s="317">
        <v>130.80000000000001</v>
      </c>
      <c r="Q70" s="44"/>
    </row>
    <row r="71" spans="1:17" s="11" customFormat="1" ht="22.5" customHeight="1">
      <c r="B71" s="87" t="s">
        <v>433</v>
      </c>
      <c r="C71" s="88" t="s">
        <v>26</v>
      </c>
      <c r="D71" s="257"/>
      <c r="E71" s="259"/>
      <c r="F71" s="318">
        <v>519</v>
      </c>
      <c r="G71" s="318">
        <v>876</v>
      </c>
      <c r="H71" s="319">
        <v>415</v>
      </c>
      <c r="I71" s="319">
        <v>461</v>
      </c>
      <c r="J71" s="320">
        <v>92</v>
      </c>
      <c r="K71" s="321">
        <v>635</v>
      </c>
      <c r="L71" s="321">
        <v>111</v>
      </c>
      <c r="M71" s="315">
        <v>1070</v>
      </c>
      <c r="N71" s="316">
        <v>622</v>
      </c>
      <c r="O71" s="278">
        <v>0</v>
      </c>
      <c r="P71" s="317">
        <v>127.7</v>
      </c>
      <c r="Q71" s="44"/>
    </row>
    <row r="72" spans="1:17" s="11" customFormat="1" ht="22.5" customHeight="1">
      <c r="A72" s="66"/>
      <c r="B72" s="110"/>
      <c r="C72" s="111" t="s">
        <v>27</v>
      </c>
      <c r="D72" s="260"/>
      <c r="E72" s="261"/>
      <c r="F72" s="323">
        <v>389</v>
      </c>
      <c r="G72" s="323">
        <v>554</v>
      </c>
      <c r="H72" s="324">
        <v>279</v>
      </c>
      <c r="I72" s="324">
        <v>275</v>
      </c>
      <c r="J72" s="325">
        <v>24</v>
      </c>
      <c r="K72" s="326">
        <v>436</v>
      </c>
      <c r="L72" s="326">
        <v>66</v>
      </c>
      <c r="M72" s="327">
        <v>712</v>
      </c>
      <c r="N72" s="328">
        <v>441</v>
      </c>
      <c r="O72" s="329">
        <v>0</v>
      </c>
      <c r="P72" s="330">
        <v>135.4</v>
      </c>
      <c r="Q72" s="44"/>
    </row>
  </sheetData>
  <mergeCells count="9">
    <mergeCell ref="B9:C9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40" max="15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76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22" ht="10.5" customHeight="1"/>
    <row r="3" spans="1:22">
      <c r="A3" s="44" t="s">
        <v>78</v>
      </c>
    </row>
    <row r="4" spans="1:22" s="47" customFormat="1" ht="24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48" t="s">
        <v>434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22" s="55" customFormat="1" ht="14.25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22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22" s="15" customFormat="1" ht="3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22" s="64" customFormat="1" ht="21.75" customHeight="1">
      <c r="B9" s="429" t="s">
        <v>92</v>
      </c>
      <c r="C9" s="432"/>
      <c r="D9" s="255"/>
      <c r="E9" s="331"/>
      <c r="F9" s="152">
        <v>40825</v>
      </c>
      <c r="G9" s="152">
        <v>95662</v>
      </c>
      <c r="H9" s="154">
        <v>47341</v>
      </c>
      <c r="I9" s="155">
        <v>48321</v>
      </c>
      <c r="J9" s="81">
        <v>13321</v>
      </c>
      <c r="K9" s="83">
        <v>63586</v>
      </c>
      <c r="L9" s="83">
        <v>17994</v>
      </c>
      <c r="M9" s="84">
        <v>99584</v>
      </c>
      <c r="N9" s="85">
        <v>50072</v>
      </c>
      <c r="O9" s="85">
        <v>9379</v>
      </c>
      <c r="P9" s="86">
        <v>104.9</v>
      </c>
    </row>
    <row r="10" spans="1:22" s="11" customFormat="1" ht="5.25" customHeight="1">
      <c r="B10" s="87"/>
      <c r="C10" s="88"/>
      <c r="D10" s="257"/>
      <c r="E10" s="259"/>
      <c r="F10" s="91"/>
      <c r="G10" s="91"/>
      <c r="H10" s="92"/>
      <c r="I10" s="99"/>
      <c r="J10" s="94"/>
      <c r="K10" s="94"/>
      <c r="L10" s="94"/>
      <c r="M10" s="159"/>
      <c r="N10" s="161"/>
      <c r="O10" s="96"/>
      <c r="P10" s="97"/>
    </row>
    <row r="11" spans="1:22" s="11" customFormat="1" ht="21.75" customHeight="1">
      <c r="B11" s="87" t="s">
        <v>435</v>
      </c>
      <c r="C11" s="88" t="s">
        <v>26</v>
      </c>
      <c r="D11" s="257"/>
      <c r="E11" s="259"/>
      <c r="F11" s="91">
        <v>587</v>
      </c>
      <c r="G11" s="91">
        <v>1202</v>
      </c>
      <c r="H11" s="92">
        <v>590</v>
      </c>
      <c r="I11" s="99">
        <v>612</v>
      </c>
      <c r="J11" s="94">
        <v>112</v>
      </c>
      <c r="K11" s="94">
        <v>756</v>
      </c>
      <c r="L11" s="94">
        <v>277</v>
      </c>
      <c r="M11" s="95">
        <v>884</v>
      </c>
      <c r="N11" s="96">
        <v>360</v>
      </c>
      <c r="O11" s="277">
        <v>0</v>
      </c>
      <c r="P11" s="97">
        <v>77.2</v>
      </c>
      <c r="T11" s="64"/>
      <c r="U11" s="64"/>
      <c r="V11" s="64"/>
    </row>
    <row r="12" spans="1:22" s="11" customFormat="1" ht="21.75" customHeight="1">
      <c r="B12" s="87"/>
      <c r="C12" s="88" t="s">
        <v>27</v>
      </c>
      <c r="D12" s="257"/>
      <c r="E12" s="259"/>
      <c r="F12" s="91">
        <v>734</v>
      </c>
      <c r="G12" s="91">
        <v>1323</v>
      </c>
      <c r="H12" s="92">
        <v>610</v>
      </c>
      <c r="I12" s="99">
        <v>713</v>
      </c>
      <c r="J12" s="94">
        <v>135</v>
      </c>
      <c r="K12" s="94">
        <v>892</v>
      </c>
      <c r="L12" s="94">
        <v>289</v>
      </c>
      <c r="M12" s="95">
        <v>2334</v>
      </c>
      <c r="N12" s="96">
        <v>1415</v>
      </c>
      <c r="O12" s="96">
        <v>321</v>
      </c>
      <c r="P12" s="97">
        <v>177.4</v>
      </c>
      <c r="T12" s="64"/>
      <c r="U12" s="64"/>
      <c r="V12" s="64"/>
    </row>
    <row r="13" spans="1:22" s="11" customFormat="1" ht="23.25" customHeight="1">
      <c r="B13" s="87"/>
      <c r="C13" s="88" t="s">
        <v>28</v>
      </c>
      <c r="D13" s="257"/>
      <c r="E13" s="259"/>
      <c r="F13" s="91">
        <v>781</v>
      </c>
      <c r="G13" s="91">
        <v>1541</v>
      </c>
      <c r="H13" s="92">
        <v>691</v>
      </c>
      <c r="I13" s="99">
        <v>850</v>
      </c>
      <c r="J13" s="94">
        <v>139</v>
      </c>
      <c r="K13" s="94">
        <v>907</v>
      </c>
      <c r="L13" s="94">
        <v>438</v>
      </c>
      <c r="M13" s="95">
        <v>1475</v>
      </c>
      <c r="N13" s="96">
        <v>797</v>
      </c>
      <c r="O13" s="277">
        <v>0</v>
      </c>
      <c r="P13" s="97">
        <v>99.4</v>
      </c>
      <c r="T13" s="64"/>
      <c r="U13" s="64"/>
      <c r="V13" s="64"/>
    </row>
    <row r="14" spans="1:22" s="11" customFormat="1" ht="23.25" customHeight="1">
      <c r="B14" s="87" t="s">
        <v>436</v>
      </c>
      <c r="C14" s="88" t="s">
        <v>26</v>
      </c>
      <c r="D14" s="257"/>
      <c r="E14" s="259"/>
      <c r="F14" s="91">
        <v>634</v>
      </c>
      <c r="G14" s="91">
        <v>1451</v>
      </c>
      <c r="H14" s="92">
        <v>686</v>
      </c>
      <c r="I14" s="99">
        <v>765</v>
      </c>
      <c r="J14" s="94">
        <v>179</v>
      </c>
      <c r="K14" s="94">
        <v>872</v>
      </c>
      <c r="L14" s="94">
        <v>397</v>
      </c>
      <c r="M14" s="95">
        <v>835</v>
      </c>
      <c r="N14" s="96">
        <v>158</v>
      </c>
      <c r="O14" s="277">
        <v>0</v>
      </c>
      <c r="P14" s="97">
        <v>57.7</v>
      </c>
      <c r="T14" s="64"/>
      <c r="U14" s="64"/>
      <c r="V14" s="64"/>
    </row>
    <row r="15" spans="1:22" s="11" customFormat="1" ht="23.25" customHeight="1">
      <c r="B15" s="87"/>
      <c r="C15" s="88" t="s">
        <v>27</v>
      </c>
      <c r="D15" s="257"/>
      <c r="E15" s="259"/>
      <c r="F15" s="91">
        <v>838</v>
      </c>
      <c r="G15" s="91">
        <v>1985</v>
      </c>
      <c r="H15" s="92">
        <v>935</v>
      </c>
      <c r="I15" s="99">
        <v>1050</v>
      </c>
      <c r="J15" s="94">
        <v>295</v>
      </c>
      <c r="K15" s="94">
        <v>1370</v>
      </c>
      <c r="L15" s="94">
        <v>302</v>
      </c>
      <c r="M15" s="95">
        <v>1270</v>
      </c>
      <c r="N15" s="96">
        <v>405</v>
      </c>
      <c r="O15" s="277">
        <v>0</v>
      </c>
      <c r="P15" s="97">
        <v>64.599999999999994</v>
      </c>
      <c r="T15" s="64"/>
      <c r="U15" s="64"/>
      <c r="V15" s="64"/>
    </row>
    <row r="16" spans="1:22" s="11" customFormat="1" ht="23.25" customHeight="1">
      <c r="B16" s="87" t="s">
        <v>437</v>
      </c>
      <c r="C16" s="88" t="s">
        <v>26</v>
      </c>
      <c r="D16" s="257"/>
      <c r="E16" s="259"/>
      <c r="F16" s="91">
        <v>1927</v>
      </c>
      <c r="G16" s="91">
        <v>3479</v>
      </c>
      <c r="H16" s="92">
        <v>1697</v>
      </c>
      <c r="I16" s="99">
        <v>1782</v>
      </c>
      <c r="J16" s="94">
        <v>357</v>
      </c>
      <c r="K16" s="94">
        <v>2250</v>
      </c>
      <c r="L16" s="94">
        <v>720</v>
      </c>
      <c r="M16" s="95">
        <v>2264</v>
      </c>
      <c r="N16" s="96">
        <v>789</v>
      </c>
      <c r="O16" s="277">
        <v>0</v>
      </c>
      <c r="P16" s="97">
        <v>68</v>
      </c>
      <c r="T16" s="64"/>
      <c r="U16" s="64"/>
      <c r="V16" s="64"/>
    </row>
    <row r="17" spans="2:22" s="11" customFormat="1" ht="23.25" customHeight="1">
      <c r="B17" s="87"/>
      <c r="C17" s="88" t="s">
        <v>27</v>
      </c>
      <c r="D17" s="257"/>
      <c r="E17" s="259"/>
      <c r="F17" s="91">
        <v>1237</v>
      </c>
      <c r="G17" s="91">
        <v>2785</v>
      </c>
      <c r="H17" s="92">
        <v>1338</v>
      </c>
      <c r="I17" s="99">
        <v>1447</v>
      </c>
      <c r="J17" s="94">
        <v>395</v>
      </c>
      <c r="K17" s="94">
        <v>1799</v>
      </c>
      <c r="L17" s="94">
        <v>518</v>
      </c>
      <c r="M17" s="95">
        <v>1862</v>
      </c>
      <c r="N17" s="96">
        <v>482</v>
      </c>
      <c r="O17" s="96">
        <v>266</v>
      </c>
      <c r="P17" s="97">
        <v>68.7</v>
      </c>
      <c r="T17" s="64"/>
      <c r="U17" s="64"/>
      <c r="V17" s="64"/>
    </row>
    <row r="18" spans="2:22" s="11" customFormat="1" ht="23.25" customHeight="1">
      <c r="B18" s="87"/>
      <c r="C18" s="88" t="s">
        <v>28</v>
      </c>
      <c r="D18" s="257"/>
      <c r="E18" s="259"/>
      <c r="F18" s="91">
        <v>333</v>
      </c>
      <c r="G18" s="91">
        <v>799</v>
      </c>
      <c r="H18" s="92">
        <v>397</v>
      </c>
      <c r="I18" s="99">
        <v>402</v>
      </c>
      <c r="J18" s="94">
        <v>79</v>
      </c>
      <c r="K18" s="94">
        <v>591</v>
      </c>
      <c r="L18" s="94">
        <v>129</v>
      </c>
      <c r="M18" s="95">
        <v>2218</v>
      </c>
      <c r="N18" s="96">
        <v>1243</v>
      </c>
      <c r="O18" s="96">
        <v>677</v>
      </c>
      <c r="P18" s="97">
        <v>277.60000000000002</v>
      </c>
      <c r="T18" s="64"/>
      <c r="U18" s="64"/>
      <c r="V18" s="64"/>
    </row>
    <row r="19" spans="2:22" s="11" customFormat="1" ht="23.25" customHeight="1">
      <c r="B19" s="87" t="s">
        <v>438</v>
      </c>
      <c r="C19" s="88" t="s">
        <v>26</v>
      </c>
      <c r="D19" s="257"/>
      <c r="E19" s="259"/>
      <c r="F19" s="91">
        <v>953</v>
      </c>
      <c r="G19" s="91">
        <v>2010</v>
      </c>
      <c r="H19" s="92">
        <v>1020</v>
      </c>
      <c r="I19" s="99">
        <v>990</v>
      </c>
      <c r="J19" s="94">
        <v>244</v>
      </c>
      <c r="K19" s="94">
        <v>1352</v>
      </c>
      <c r="L19" s="94">
        <v>409</v>
      </c>
      <c r="M19" s="95">
        <v>1431</v>
      </c>
      <c r="N19" s="96">
        <v>576</v>
      </c>
      <c r="O19" s="277">
        <v>0</v>
      </c>
      <c r="P19" s="97">
        <v>71.400000000000006</v>
      </c>
      <c r="T19" s="64"/>
      <c r="U19" s="64"/>
      <c r="V19" s="64"/>
    </row>
    <row r="20" spans="2:22" s="11" customFormat="1" ht="23.25" customHeight="1">
      <c r="B20" s="87"/>
      <c r="C20" s="88" t="s">
        <v>27</v>
      </c>
      <c r="D20" s="257"/>
      <c r="E20" s="259"/>
      <c r="F20" s="91">
        <v>683</v>
      </c>
      <c r="G20" s="91">
        <v>1728</v>
      </c>
      <c r="H20" s="92">
        <v>851</v>
      </c>
      <c r="I20" s="99">
        <v>877</v>
      </c>
      <c r="J20" s="94">
        <v>370</v>
      </c>
      <c r="K20" s="94">
        <v>1161</v>
      </c>
      <c r="L20" s="94">
        <v>191</v>
      </c>
      <c r="M20" s="95">
        <v>2407</v>
      </c>
      <c r="N20" s="96">
        <v>724</v>
      </c>
      <c r="O20" s="96">
        <v>1027</v>
      </c>
      <c r="P20" s="97">
        <v>139.80000000000001</v>
      </c>
      <c r="T20" s="64"/>
      <c r="U20" s="64"/>
      <c r="V20" s="64"/>
    </row>
    <row r="21" spans="2:22" s="11" customFormat="1" ht="23.25" customHeight="1">
      <c r="B21" s="87"/>
      <c r="C21" s="88" t="s">
        <v>28</v>
      </c>
      <c r="D21" s="257"/>
      <c r="E21" s="259"/>
      <c r="F21" s="91">
        <v>884</v>
      </c>
      <c r="G21" s="91">
        <v>2306</v>
      </c>
      <c r="H21" s="92">
        <v>1084</v>
      </c>
      <c r="I21" s="99">
        <v>1222</v>
      </c>
      <c r="J21" s="94">
        <v>290</v>
      </c>
      <c r="K21" s="94">
        <v>1574</v>
      </c>
      <c r="L21" s="94">
        <v>442</v>
      </c>
      <c r="M21" s="95">
        <v>1392</v>
      </c>
      <c r="N21" s="96">
        <v>503</v>
      </c>
      <c r="O21" s="277">
        <v>0</v>
      </c>
      <c r="P21" s="97">
        <v>60.4</v>
      </c>
      <c r="T21" s="64"/>
      <c r="U21" s="64"/>
      <c r="V21" s="64"/>
    </row>
    <row r="22" spans="2:22" s="11" customFormat="1" ht="22.5" customHeight="1">
      <c r="B22" s="87"/>
      <c r="C22" s="88" t="s">
        <v>29</v>
      </c>
      <c r="D22" s="257"/>
      <c r="E22" s="259"/>
      <c r="F22" s="91">
        <v>247</v>
      </c>
      <c r="G22" s="91">
        <v>642</v>
      </c>
      <c r="H22" s="92">
        <v>304</v>
      </c>
      <c r="I22" s="99">
        <v>338</v>
      </c>
      <c r="J22" s="94">
        <v>82</v>
      </c>
      <c r="K22" s="94">
        <v>435</v>
      </c>
      <c r="L22" s="94">
        <v>125</v>
      </c>
      <c r="M22" s="95">
        <v>1416</v>
      </c>
      <c r="N22" s="96">
        <v>1174</v>
      </c>
      <c r="O22" s="277">
        <v>0</v>
      </c>
      <c r="P22" s="109">
        <v>220.6</v>
      </c>
      <c r="T22" s="64"/>
      <c r="U22" s="64"/>
      <c r="V22" s="64"/>
    </row>
    <row r="23" spans="2:22" s="11" customFormat="1" ht="21.75" customHeight="1">
      <c r="B23" s="87" t="s">
        <v>439</v>
      </c>
      <c r="C23" s="88" t="s">
        <v>26</v>
      </c>
      <c r="D23" s="257"/>
      <c r="E23" s="240" t="s">
        <v>440</v>
      </c>
      <c r="F23" s="91">
        <v>1</v>
      </c>
      <c r="G23" s="91">
        <v>2</v>
      </c>
      <c r="H23" s="92">
        <v>1</v>
      </c>
      <c r="I23" s="99">
        <v>1</v>
      </c>
      <c r="J23" s="98" t="s">
        <v>229</v>
      </c>
      <c r="K23" s="98" t="s">
        <v>229</v>
      </c>
      <c r="L23" s="98" t="s">
        <v>229</v>
      </c>
      <c r="M23" s="102">
        <v>164</v>
      </c>
      <c r="N23" s="103">
        <v>164</v>
      </c>
      <c r="O23" s="277">
        <v>0</v>
      </c>
      <c r="P23" s="109">
        <v>8200</v>
      </c>
      <c r="T23" s="64"/>
      <c r="U23" s="64"/>
      <c r="V23" s="64"/>
    </row>
    <row r="24" spans="2:22" s="11" customFormat="1" ht="11.25" customHeight="1">
      <c r="B24" s="415"/>
      <c r="C24" s="415" t="s">
        <v>27</v>
      </c>
      <c r="D24" s="257"/>
      <c r="E24" s="453" t="s">
        <v>441</v>
      </c>
      <c r="F24" s="405">
        <v>83</v>
      </c>
      <c r="G24" s="91">
        <v>181</v>
      </c>
      <c r="H24" s="405">
        <v>100</v>
      </c>
      <c r="I24" s="405">
        <v>81</v>
      </c>
      <c r="J24" s="427">
        <v>30</v>
      </c>
      <c r="K24" s="427">
        <v>128</v>
      </c>
      <c r="L24" s="428">
        <v>25</v>
      </c>
      <c r="M24" s="437">
        <v>1188</v>
      </c>
      <c r="N24" s="433">
        <v>1120</v>
      </c>
      <c r="O24" s="451" t="s">
        <v>99</v>
      </c>
      <c r="P24" s="434">
        <v>656.4</v>
      </c>
      <c r="T24" s="64"/>
      <c r="U24" s="64"/>
      <c r="V24" s="64"/>
    </row>
    <row r="25" spans="2:22" s="11" customFormat="1" ht="11.25" customHeight="1">
      <c r="B25" s="415"/>
      <c r="C25" s="415"/>
      <c r="D25" s="257"/>
      <c r="E25" s="453"/>
      <c r="F25" s="405"/>
      <c r="G25" s="333">
        <v>183</v>
      </c>
      <c r="H25" s="405"/>
      <c r="I25" s="405"/>
      <c r="J25" s="427"/>
      <c r="K25" s="427"/>
      <c r="L25" s="428"/>
      <c r="M25" s="437"/>
      <c r="N25" s="433"/>
      <c r="O25" s="452"/>
      <c r="P25" s="434">
        <v>0</v>
      </c>
      <c r="T25" s="64"/>
      <c r="U25" s="64"/>
      <c r="V25" s="64"/>
    </row>
    <row r="26" spans="2:22" s="11" customFormat="1" ht="21.75" customHeight="1">
      <c r="B26" s="87"/>
      <c r="C26" s="88" t="s">
        <v>28</v>
      </c>
      <c r="D26" s="257"/>
      <c r="E26" s="259"/>
      <c r="F26" s="91">
        <v>399</v>
      </c>
      <c r="G26" s="91">
        <v>980</v>
      </c>
      <c r="H26" s="92">
        <v>483</v>
      </c>
      <c r="I26" s="99">
        <v>497</v>
      </c>
      <c r="J26" s="94">
        <v>133</v>
      </c>
      <c r="K26" s="94">
        <v>648</v>
      </c>
      <c r="L26" s="94">
        <v>199</v>
      </c>
      <c r="M26" s="95">
        <v>937</v>
      </c>
      <c r="N26" s="96">
        <v>547</v>
      </c>
      <c r="O26" s="277">
        <v>0</v>
      </c>
      <c r="P26" s="97">
        <v>95.6</v>
      </c>
      <c r="T26" s="64"/>
      <c r="U26" s="64"/>
      <c r="V26" s="64"/>
    </row>
    <row r="27" spans="2:22" s="11" customFormat="1" ht="21.75" customHeight="1">
      <c r="B27" s="87"/>
      <c r="C27" s="88" t="s">
        <v>29</v>
      </c>
      <c r="D27" s="257"/>
      <c r="E27" s="259"/>
      <c r="F27" s="91">
        <v>55</v>
      </c>
      <c r="G27" s="91">
        <v>125</v>
      </c>
      <c r="H27" s="92">
        <v>59</v>
      </c>
      <c r="I27" s="99">
        <v>66</v>
      </c>
      <c r="J27" s="94">
        <v>19</v>
      </c>
      <c r="K27" s="94">
        <v>85</v>
      </c>
      <c r="L27" s="94">
        <v>21</v>
      </c>
      <c r="M27" s="95">
        <v>1046</v>
      </c>
      <c r="N27" s="96">
        <v>1010</v>
      </c>
      <c r="O27" s="277">
        <v>0</v>
      </c>
      <c r="P27" s="109">
        <v>836.8</v>
      </c>
      <c r="T27" s="64"/>
      <c r="U27" s="64"/>
      <c r="V27" s="64"/>
    </row>
    <row r="28" spans="2:22" s="11" customFormat="1" ht="21.75" customHeight="1">
      <c r="B28" s="87"/>
      <c r="C28" s="88" t="s">
        <v>30</v>
      </c>
      <c r="D28" s="257"/>
      <c r="E28" s="259"/>
      <c r="F28" s="91">
        <v>55</v>
      </c>
      <c r="G28" s="91">
        <v>86</v>
      </c>
      <c r="H28" s="92">
        <v>46</v>
      </c>
      <c r="I28" s="99">
        <v>40</v>
      </c>
      <c r="J28" s="94">
        <v>3</v>
      </c>
      <c r="K28" s="94">
        <v>48</v>
      </c>
      <c r="L28" s="94">
        <v>35</v>
      </c>
      <c r="M28" s="95">
        <v>921</v>
      </c>
      <c r="N28" s="96">
        <v>880</v>
      </c>
      <c r="O28" s="277">
        <v>0</v>
      </c>
      <c r="P28" s="97">
        <v>1070.9000000000001</v>
      </c>
      <c r="T28" s="64"/>
      <c r="U28" s="64"/>
      <c r="V28" s="64"/>
    </row>
    <row r="29" spans="2:22" s="11" customFormat="1" ht="22.5" customHeight="1">
      <c r="B29" s="87" t="s">
        <v>442</v>
      </c>
      <c r="C29" s="88" t="s">
        <v>26</v>
      </c>
      <c r="D29" s="257"/>
      <c r="E29" s="259"/>
      <c r="F29" s="91">
        <v>66</v>
      </c>
      <c r="G29" s="91">
        <v>153</v>
      </c>
      <c r="H29" s="92">
        <v>78</v>
      </c>
      <c r="I29" s="99">
        <v>75</v>
      </c>
      <c r="J29" s="94">
        <v>19</v>
      </c>
      <c r="K29" s="94">
        <v>114</v>
      </c>
      <c r="L29" s="94">
        <v>20</v>
      </c>
      <c r="M29" s="95">
        <v>997</v>
      </c>
      <c r="N29" s="96">
        <v>944</v>
      </c>
      <c r="O29" s="277">
        <v>0</v>
      </c>
      <c r="P29" s="97">
        <v>651.6</v>
      </c>
      <c r="T29" s="64"/>
      <c r="U29" s="64"/>
      <c r="V29" s="64"/>
    </row>
    <row r="30" spans="2:22" s="11" customFormat="1" ht="22.5" customHeight="1">
      <c r="B30" s="87"/>
      <c r="C30" s="88" t="s">
        <v>27</v>
      </c>
      <c r="D30" s="257"/>
      <c r="E30" s="259"/>
      <c r="F30" s="91">
        <v>707</v>
      </c>
      <c r="G30" s="91">
        <v>1779</v>
      </c>
      <c r="H30" s="92">
        <v>896</v>
      </c>
      <c r="I30" s="99">
        <v>883</v>
      </c>
      <c r="J30" s="94">
        <v>264</v>
      </c>
      <c r="K30" s="94">
        <v>1253</v>
      </c>
      <c r="L30" s="94">
        <v>252</v>
      </c>
      <c r="M30" s="95">
        <v>2727</v>
      </c>
      <c r="N30" s="96">
        <v>2047</v>
      </c>
      <c r="O30" s="277">
        <v>0</v>
      </c>
      <c r="P30" s="97">
        <v>154.19999999999999</v>
      </c>
      <c r="T30" s="64"/>
      <c r="U30" s="64"/>
      <c r="V30" s="64"/>
    </row>
    <row r="31" spans="2:22" s="11" customFormat="1" ht="22.5" customHeight="1">
      <c r="B31" s="87"/>
      <c r="C31" s="88" t="s">
        <v>28</v>
      </c>
      <c r="D31" s="257"/>
      <c r="E31" s="259"/>
      <c r="F31" s="91">
        <v>628</v>
      </c>
      <c r="G31" s="91">
        <v>1090</v>
      </c>
      <c r="H31" s="92">
        <v>666</v>
      </c>
      <c r="I31" s="99">
        <v>424</v>
      </c>
      <c r="J31" s="94">
        <v>92</v>
      </c>
      <c r="K31" s="94">
        <v>782</v>
      </c>
      <c r="L31" s="94">
        <v>193</v>
      </c>
      <c r="M31" s="95">
        <v>1940</v>
      </c>
      <c r="N31" s="96">
        <v>784</v>
      </c>
      <c r="O31" s="96">
        <v>754</v>
      </c>
      <c r="P31" s="97">
        <v>181.8</v>
      </c>
      <c r="T31" s="64"/>
      <c r="U31" s="64"/>
      <c r="V31" s="64"/>
    </row>
    <row r="32" spans="2:22" s="11" customFormat="1" ht="22.5" customHeight="1">
      <c r="B32" s="87" t="s">
        <v>443</v>
      </c>
      <c r="C32" s="88" t="s">
        <v>26</v>
      </c>
      <c r="D32" s="257"/>
      <c r="E32" s="259"/>
      <c r="F32" s="91">
        <v>517</v>
      </c>
      <c r="G32" s="91">
        <v>1396</v>
      </c>
      <c r="H32" s="92">
        <v>695</v>
      </c>
      <c r="I32" s="99">
        <v>701</v>
      </c>
      <c r="J32" s="94">
        <v>307</v>
      </c>
      <c r="K32" s="94">
        <v>954</v>
      </c>
      <c r="L32" s="94">
        <v>135</v>
      </c>
      <c r="M32" s="95">
        <v>2118</v>
      </c>
      <c r="N32" s="96">
        <v>1588</v>
      </c>
      <c r="O32" s="277">
        <v>0</v>
      </c>
      <c r="P32" s="97">
        <v>151.69999999999999</v>
      </c>
      <c r="T32" s="64"/>
      <c r="U32" s="64"/>
      <c r="V32" s="64"/>
    </row>
    <row r="33" spans="1:22" s="11" customFormat="1" ht="22.5" customHeight="1">
      <c r="B33" s="87"/>
      <c r="C33" s="88" t="s">
        <v>27</v>
      </c>
      <c r="D33" s="257"/>
      <c r="E33" s="259"/>
      <c r="F33" s="91">
        <v>928</v>
      </c>
      <c r="G33" s="91">
        <v>2043</v>
      </c>
      <c r="H33" s="92">
        <v>1020</v>
      </c>
      <c r="I33" s="99">
        <v>1023</v>
      </c>
      <c r="J33" s="94">
        <v>262</v>
      </c>
      <c r="K33" s="94">
        <v>1463</v>
      </c>
      <c r="L33" s="94">
        <v>316</v>
      </c>
      <c r="M33" s="95">
        <v>2649</v>
      </c>
      <c r="N33" s="96">
        <v>1891</v>
      </c>
      <c r="O33" s="277">
        <v>0</v>
      </c>
      <c r="P33" s="97">
        <v>129.80000000000001</v>
      </c>
      <c r="T33" s="64"/>
      <c r="U33" s="64"/>
      <c r="V33" s="64"/>
    </row>
    <row r="34" spans="1:22" s="11" customFormat="1" ht="22.5" customHeight="1">
      <c r="B34" s="87"/>
      <c r="C34" s="88" t="s">
        <v>28</v>
      </c>
      <c r="D34" s="257"/>
      <c r="E34" s="259"/>
      <c r="F34" s="91">
        <v>1204</v>
      </c>
      <c r="G34" s="91">
        <v>3175</v>
      </c>
      <c r="H34" s="92">
        <v>1594</v>
      </c>
      <c r="I34" s="99">
        <v>1581</v>
      </c>
      <c r="J34" s="94">
        <v>726</v>
      </c>
      <c r="K34" s="94">
        <v>2136</v>
      </c>
      <c r="L34" s="94">
        <v>312</v>
      </c>
      <c r="M34" s="95">
        <v>2362</v>
      </c>
      <c r="N34" s="96">
        <v>1072</v>
      </c>
      <c r="O34" s="277">
        <v>0</v>
      </c>
      <c r="P34" s="97">
        <v>74.400000000000006</v>
      </c>
      <c r="T34" s="64"/>
      <c r="U34" s="64"/>
      <c r="V34" s="64"/>
    </row>
    <row r="35" spans="1:22" s="11" customFormat="1" ht="23.25" customHeight="1">
      <c r="B35" s="87"/>
      <c r="C35" s="88" t="s">
        <v>29</v>
      </c>
      <c r="D35" s="257"/>
      <c r="E35" s="259"/>
      <c r="F35" s="91">
        <v>596</v>
      </c>
      <c r="G35" s="91">
        <v>1544</v>
      </c>
      <c r="H35" s="92">
        <v>757</v>
      </c>
      <c r="I35" s="99">
        <v>787</v>
      </c>
      <c r="J35" s="94">
        <v>233</v>
      </c>
      <c r="K35" s="94">
        <v>1032</v>
      </c>
      <c r="L35" s="94">
        <v>279</v>
      </c>
      <c r="M35" s="95">
        <v>1072</v>
      </c>
      <c r="N35" s="96">
        <v>444</v>
      </c>
      <c r="O35" s="277">
        <v>0</v>
      </c>
      <c r="P35" s="97">
        <v>69.400000000000006</v>
      </c>
      <c r="T35" s="64"/>
      <c r="U35" s="64"/>
      <c r="V35" s="64"/>
    </row>
    <row r="36" spans="1:22" s="11" customFormat="1" ht="23.25" customHeight="1">
      <c r="B36" s="87"/>
      <c r="C36" s="88" t="s">
        <v>30</v>
      </c>
      <c r="D36" s="257"/>
      <c r="E36" s="259"/>
      <c r="F36" s="91">
        <v>155</v>
      </c>
      <c r="G36" s="91">
        <v>399</v>
      </c>
      <c r="H36" s="92">
        <v>203</v>
      </c>
      <c r="I36" s="99">
        <v>196</v>
      </c>
      <c r="J36" s="94">
        <v>32</v>
      </c>
      <c r="K36" s="94">
        <v>269</v>
      </c>
      <c r="L36" s="94">
        <v>98</v>
      </c>
      <c r="M36" s="95">
        <v>1700</v>
      </c>
      <c r="N36" s="96">
        <v>1534</v>
      </c>
      <c r="O36" s="277">
        <v>0</v>
      </c>
      <c r="P36" s="97">
        <v>426.1</v>
      </c>
      <c r="T36" s="64"/>
      <c r="U36" s="64"/>
      <c r="V36" s="64"/>
    </row>
    <row r="37" spans="1:22" s="11" customFormat="1" ht="23.25" customHeight="1">
      <c r="B37" s="87"/>
      <c r="C37" s="88" t="s">
        <v>31</v>
      </c>
      <c r="D37" s="257"/>
      <c r="E37" s="259"/>
      <c r="F37" s="91">
        <v>1145</v>
      </c>
      <c r="G37" s="91">
        <v>3181</v>
      </c>
      <c r="H37" s="92">
        <v>1570</v>
      </c>
      <c r="I37" s="99">
        <v>1611</v>
      </c>
      <c r="J37" s="94">
        <v>489</v>
      </c>
      <c r="K37" s="94">
        <v>2184</v>
      </c>
      <c r="L37" s="94">
        <v>508</v>
      </c>
      <c r="M37" s="95">
        <v>3114</v>
      </c>
      <c r="N37" s="96">
        <v>1028</v>
      </c>
      <c r="O37" s="96">
        <v>695</v>
      </c>
      <c r="P37" s="97">
        <v>97.9</v>
      </c>
      <c r="T37" s="64"/>
      <c r="U37" s="64"/>
      <c r="V37" s="64"/>
    </row>
    <row r="38" spans="1:22" s="11" customFormat="1" ht="23.25" customHeight="1">
      <c r="B38" s="87" t="s">
        <v>444</v>
      </c>
      <c r="C38" s="88" t="s">
        <v>26</v>
      </c>
      <c r="D38" s="257"/>
      <c r="E38" s="259"/>
      <c r="F38" s="91">
        <v>1870</v>
      </c>
      <c r="G38" s="91">
        <v>4870</v>
      </c>
      <c r="H38" s="92">
        <v>2435</v>
      </c>
      <c r="I38" s="99">
        <v>2435</v>
      </c>
      <c r="J38" s="94">
        <v>898</v>
      </c>
      <c r="K38" s="94">
        <v>3440</v>
      </c>
      <c r="L38" s="94">
        <v>530</v>
      </c>
      <c r="M38" s="95">
        <v>2775</v>
      </c>
      <c r="N38" s="96">
        <v>428</v>
      </c>
      <c r="O38" s="96">
        <v>371</v>
      </c>
      <c r="P38" s="97">
        <v>57</v>
      </c>
      <c r="T38" s="64"/>
      <c r="U38" s="64"/>
      <c r="V38" s="64"/>
    </row>
    <row r="39" spans="1:22" s="11" customFormat="1" ht="23.25" customHeight="1">
      <c r="B39" s="87"/>
      <c r="C39" s="88" t="s">
        <v>27</v>
      </c>
      <c r="D39" s="257"/>
      <c r="E39" s="259"/>
      <c r="F39" s="91">
        <v>2040</v>
      </c>
      <c r="G39" s="91">
        <v>5185</v>
      </c>
      <c r="H39" s="92">
        <v>2413</v>
      </c>
      <c r="I39" s="99">
        <v>2772</v>
      </c>
      <c r="J39" s="94">
        <v>471</v>
      </c>
      <c r="K39" s="94">
        <v>3412</v>
      </c>
      <c r="L39" s="94">
        <v>1298</v>
      </c>
      <c r="M39" s="95">
        <v>4300</v>
      </c>
      <c r="N39" s="96">
        <v>1270</v>
      </c>
      <c r="O39" s="96">
        <v>698</v>
      </c>
      <c r="P39" s="97">
        <v>83</v>
      </c>
      <c r="T39" s="64"/>
      <c r="U39" s="64"/>
      <c r="V39" s="64"/>
    </row>
    <row r="40" spans="1:22" s="11" customFormat="1" ht="22.5" customHeight="1">
      <c r="B40" s="87"/>
      <c r="C40" s="88" t="s">
        <v>28</v>
      </c>
      <c r="D40" s="257"/>
      <c r="E40" s="259"/>
      <c r="F40" s="91">
        <v>1736</v>
      </c>
      <c r="G40" s="91">
        <v>3852</v>
      </c>
      <c r="H40" s="92">
        <v>1873</v>
      </c>
      <c r="I40" s="99">
        <v>1979</v>
      </c>
      <c r="J40" s="94">
        <v>366</v>
      </c>
      <c r="K40" s="94">
        <v>2571</v>
      </c>
      <c r="L40" s="94">
        <v>902</v>
      </c>
      <c r="M40" s="95">
        <v>2528</v>
      </c>
      <c r="N40" s="96">
        <v>889</v>
      </c>
      <c r="O40" s="277">
        <v>0</v>
      </c>
      <c r="P40" s="97">
        <v>65.900000000000006</v>
      </c>
      <c r="T40" s="64"/>
      <c r="U40" s="64"/>
      <c r="V40" s="64"/>
    </row>
    <row r="41" spans="1:22" s="11" customFormat="1" ht="22.5" customHeight="1">
      <c r="B41" s="87"/>
      <c r="C41" s="88" t="s">
        <v>29</v>
      </c>
      <c r="D41" s="257"/>
      <c r="E41" s="259"/>
      <c r="F41" s="91">
        <v>337</v>
      </c>
      <c r="G41" s="91">
        <v>798</v>
      </c>
      <c r="H41" s="92">
        <v>399</v>
      </c>
      <c r="I41" s="99">
        <v>399</v>
      </c>
      <c r="J41" s="94">
        <v>101</v>
      </c>
      <c r="K41" s="94">
        <v>518</v>
      </c>
      <c r="L41" s="94">
        <v>179</v>
      </c>
      <c r="M41" s="95">
        <v>1507</v>
      </c>
      <c r="N41" s="96">
        <v>1091</v>
      </c>
      <c r="O41" s="277">
        <v>0</v>
      </c>
      <c r="P41" s="97">
        <v>188.8</v>
      </c>
      <c r="T41" s="64"/>
      <c r="U41" s="64"/>
      <c r="V41" s="64"/>
    </row>
    <row r="42" spans="1:22" s="11" customFormat="1" ht="22.5" customHeight="1">
      <c r="A42" s="66"/>
      <c r="B42" s="110"/>
      <c r="C42" s="111" t="s">
        <v>30</v>
      </c>
      <c r="D42" s="260"/>
      <c r="E42" s="261"/>
      <c r="F42" s="115">
        <v>760</v>
      </c>
      <c r="G42" s="115">
        <v>2113</v>
      </c>
      <c r="H42" s="116">
        <v>1076</v>
      </c>
      <c r="I42" s="117">
        <v>1037</v>
      </c>
      <c r="J42" s="118">
        <v>424</v>
      </c>
      <c r="K42" s="118">
        <v>1507</v>
      </c>
      <c r="L42" s="118">
        <v>176</v>
      </c>
      <c r="M42" s="119">
        <v>2092</v>
      </c>
      <c r="N42" s="120">
        <v>1154</v>
      </c>
      <c r="O42" s="120">
        <v>241</v>
      </c>
      <c r="P42" s="122">
        <v>99.3</v>
      </c>
      <c r="T42" s="64"/>
      <c r="U42" s="64"/>
      <c r="V42" s="64"/>
    </row>
    <row r="43" spans="1:22" s="11" customFormat="1" ht="22.5" customHeight="1">
      <c r="B43" s="87" t="s">
        <v>445</v>
      </c>
      <c r="C43" s="88" t="s">
        <v>31</v>
      </c>
      <c r="D43" s="257"/>
      <c r="E43" s="259"/>
      <c r="F43" s="91">
        <v>23</v>
      </c>
      <c r="G43" s="91">
        <v>53</v>
      </c>
      <c r="H43" s="92">
        <v>27</v>
      </c>
      <c r="I43" s="99">
        <v>26</v>
      </c>
      <c r="J43" s="295">
        <v>2</v>
      </c>
      <c r="K43" s="94">
        <v>33</v>
      </c>
      <c r="L43" s="94">
        <v>16</v>
      </c>
      <c r="M43" s="95">
        <v>677</v>
      </c>
      <c r="N43" s="96">
        <v>657</v>
      </c>
      <c r="O43" s="277">
        <v>0</v>
      </c>
      <c r="P43" s="97">
        <v>1327.5</v>
      </c>
    </row>
    <row r="44" spans="1:22" s="11" customFormat="1" ht="22.5" customHeight="1">
      <c r="B44" s="87"/>
      <c r="C44" s="88" t="s">
        <v>32</v>
      </c>
      <c r="D44" s="257"/>
      <c r="E44" s="259"/>
      <c r="F44" s="91">
        <v>10</v>
      </c>
      <c r="G44" s="91">
        <v>16</v>
      </c>
      <c r="H44" s="92">
        <v>6</v>
      </c>
      <c r="I44" s="99">
        <v>10</v>
      </c>
      <c r="J44" s="334" t="s">
        <v>96</v>
      </c>
      <c r="K44" s="94">
        <v>7</v>
      </c>
      <c r="L44" s="94">
        <v>9</v>
      </c>
      <c r="M44" s="95">
        <v>287</v>
      </c>
      <c r="N44" s="96">
        <v>279</v>
      </c>
      <c r="O44" s="277">
        <v>0</v>
      </c>
      <c r="P44" s="109">
        <v>1793.8</v>
      </c>
      <c r="Q44" s="44"/>
      <c r="R44" s="44"/>
      <c r="S44" s="44"/>
    </row>
    <row r="45" spans="1:22" s="11" customFormat="1" ht="23.25" customHeight="1">
      <c r="B45" s="87" t="s">
        <v>446</v>
      </c>
      <c r="C45" s="88" t="s">
        <v>26</v>
      </c>
      <c r="D45" s="257"/>
      <c r="E45" s="259"/>
      <c r="F45" s="91">
        <v>245</v>
      </c>
      <c r="G45" s="91">
        <v>690</v>
      </c>
      <c r="H45" s="92">
        <v>347</v>
      </c>
      <c r="I45" s="99">
        <v>343</v>
      </c>
      <c r="J45" s="94">
        <v>167</v>
      </c>
      <c r="K45" s="94">
        <v>430</v>
      </c>
      <c r="L45" s="94">
        <v>93</v>
      </c>
      <c r="M45" s="95">
        <v>645</v>
      </c>
      <c r="N45" s="96">
        <v>393</v>
      </c>
      <c r="O45" s="277">
        <v>0</v>
      </c>
      <c r="P45" s="97">
        <v>93.5</v>
      </c>
      <c r="Q45" s="44"/>
      <c r="R45" s="44"/>
      <c r="S45" s="44"/>
    </row>
    <row r="46" spans="1:22" s="11" customFormat="1" ht="23.25" customHeight="1">
      <c r="B46" s="87"/>
      <c r="C46" s="88" t="s">
        <v>27</v>
      </c>
      <c r="D46" s="257"/>
      <c r="E46" s="259"/>
      <c r="F46" s="91">
        <v>417</v>
      </c>
      <c r="G46" s="91">
        <v>1170</v>
      </c>
      <c r="H46" s="92">
        <v>511</v>
      </c>
      <c r="I46" s="99">
        <v>659</v>
      </c>
      <c r="J46" s="94">
        <v>210</v>
      </c>
      <c r="K46" s="94">
        <v>670</v>
      </c>
      <c r="L46" s="94">
        <v>290</v>
      </c>
      <c r="M46" s="95">
        <v>1671</v>
      </c>
      <c r="N46" s="96">
        <v>1021</v>
      </c>
      <c r="O46" s="96">
        <v>69</v>
      </c>
      <c r="P46" s="97">
        <v>142.80000000000001</v>
      </c>
      <c r="Q46" s="44"/>
      <c r="R46" s="44"/>
      <c r="S46" s="44"/>
    </row>
    <row r="47" spans="1:22" s="11" customFormat="1" ht="23.25" customHeight="1">
      <c r="B47" s="87"/>
      <c r="C47" s="88" t="s">
        <v>28</v>
      </c>
      <c r="D47" s="257"/>
      <c r="E47" s="259"/>
      <c r="F47" s="91">
        <v>742</v>
      </c>
      <c r="G47" s="91">
        <v>1716</v>
      </c>
      <c r="H47" s="92">
        <v>876</v>
      </c>
      <c r="I47" s="99">
        <v>840</v>
      </c>
      <c r="J47" s="94">
        <v>296</v>
      </c>
      <c r="K47" s="94">
        <v>1156</v>
      </c>
      <c r="L47" s="94">
        <v>264</v>
      </c>
      <c r="M47" s="95">
        <v>1039</v>
      </c>
      <c r="N47" s="96">
        <v>281</v>
      </c>
      <c r="O47" s="277">
        <v>0</v>
      </c>
      <c r="P47" s="97">
        <v>60.5</v>
      </c>
      <c r="Q47" s="44"/>
      <c r="R47" s="44"/>
      <c r="S47" s="44"/>
    </row>
    <row r="48" spans="1:22" s="11" customFormat="1" ht="23.25" customHeight="1">
      <c r="B48" s="87"/>
      <c r="C48" s="88" t="s">
        <v>29</v>
      </c>
      <c r="D48" s="257"/>
      <c r="E48" s="259"/>
      <c r="F48" s="91">
        <v>729</v>
      </c>
      <c r="G48" s="91">
        <v>1569</v>
      </c>
      <c r="H48" s="92">
        <v>815</v>
      </c>
      <c r="I48" s="99">
        <v>754</v>
      </c>
      <c r="J48" s="94">
        <v>228</v>
      </c>
      <c r="K48" s="94">
        <v>995</v>
      </c>
      <c r="L48" s="94">
        <v>316</v>
      </c>
      <c r="M48" s="95">
        <v>1650</v>
      </c>
      <c r="N48" s="96">
        <v>435</v>
      </c>
      <c r="O48" s="96">
        <v>464</v>
      </c>
      <c r="P48" s="97">
        <v>107.2</v>
      </c>
      <c r="Q48" s="44"/>
      <c r="R48" s="44"/>
      <c r="S48" s="44"/>
    </row>
    <row r="49" spans="2:19" s="11" customFormat="1" ht="23.25" customHeight="1">
      <c r="B49" s="87"/>
      <c r="C49" s="88" t="s">
        <v>30</v>
      </c>
      <c r="D49" s="257"/>
      <c r="E49" s="259"/>
      <c r="F49" s="91">
        <v>655</v>
      </c>
      <c r="G49" s="91">
        <v>1528</v>
      </c>
      <c r="H49" s="92">
        <v>748</v>
      </c>
      <c r="I49" s="99">
        <v>780</v>
      </c>
      <c r="J49" s="94">
        <v>159</v>
      </c>
      <c r="K49" s="94">
        <v>898</v>
      </c>
      <c r="L49" s="94">
        <v>465</v>
      </c>
      <c r="M49" s="95">
        <v>1946</v>
      </c>
      <c r="N49" s="96">
        <v>439</v>
      </c>
      <c r="O49" s="96">
        <v>826</v>
      </c>
      <c r="P49" s="97">
        <v>127.9</v>
      </c>
      <c r="Q49" s="44"/>
      <c r="R49" s="44"/>
      <c r="S49" s="44"/>
    </row>
    <row r="50" spans="2:19" s="11" customFormat="1" ht="23.25" customHeight="1">
      <c r="B50" s="87"/>
      <c r="C50" s="88" t="s">
        <v>31</v>
      </c>
      <c r="D50" s="257"/>
      <c r="E50" s="259"/>
      <c r="F50" s="91">
        <v>649</v>
      </c>
      <c r="G50" s="91">
        <v>1479</v>
      </c>
      <c r="H50" s="92">
        <v>746</v>
      </c>
      <c r="I50" s="99">
        <v>733</v>
      </c>
      <c r="J50" s="94">
        <v>157</v>
      </c>
      <c r="K50" s="94">
        <v>847</v>
      </c>
      <c r="L50" s="94">
        <v>469</v>
      </c>
      <c r="M50" s="95">
        <v>1578</v>
      </c>
      <c r="N50" s="96">
        <v>453</v>
      </c>
      <c r="O50" s="96">
        <v>365</v>
      </c>
      <c r="P50" s="97">
        <v>107.1</v>
      </c>
      <c r="Q50" s="44"/>
      <c r="R50" s="44"/>
      <c r="S50" s="44"/>
    </row>
    <row r="51" spans="2:19" s="11" customFormat="1" ht="22.5" customHeight="1">
      <c r="B51" s="87" t="s">
        <v>447</v>
      </c>
      <c r="C51" s="88" t="s">
        <v>26</v>
      </c>
      <c r="D51" s="257"/>
      <c r="E51" s="259"/>
      <c r="F51" s="91">
        <v>1352</v>
      </c>
      <c r="G51" s="91">
        <v>2719</v>
      </c>
      <c r="H51" s="92">
        <v>1394</v>
      </c>
      <c r="I51" s="92">
        <v>1325</v>
      </c>
      <c r="J51" s="123">
        <v>298</v>
      </c>
      <c r="K51" s="94">
        <v>1809</v>
      </c>
      <c r="L51" s="94">
        <v>586</v>
      </c>
      <c r="M51" s="95">
        <v>1888</v>
      </c>
      <c r="N51" s="134">
        <v>669</v>
      </c>
      <c r="O51" s="277">
        <v>0</v>
      </c>
      <c r="P51" s="97">
        <v>70.099999999999994</v>
      </c>
      <c r="Q51" s="44"/>
      <c r="R51" s="44"/>
      <c r="S51" s="44"/>
    </row>
    <row r="52" spans="2:19" s="11" customFormat="1" ht="22.5" customHeight="1">
      <c r="B52" s="87"/>
      <c r="C52" s="88" t="s">
        <v>27</v>
      </c>
      <c r="D52" s="257"/>
      <c r="E52" s="259"/>
      <c r="F52" s="91">
        <v>765</v>
      </c>
      <c r="G52" s="91">
        <v>1695</v>
      </c>
      <c r="H52" s="92">
        <v>864</v>
      </c>
      <c r="I52" s="92">
        <v>831</v>
      </c>
      <c r="J52" s="123">
        <v>227</v>
      </c>
      <c r="K52" s="94">
        <v>1109</v>
      </c>
      <c r="L52" s="94">
        <v>274</v>
      </c>
      <c r="M52" s="95">
        <v>1767</v>
      </c>
      <c r="N52" s="134">
        <v>839</v>
      </c>
      <c r="O52" s="96">
        <v>325</v>
      </c>
      <c r="P52" s="97">
        <v>109.8</v>
      </c>
      <c r="Q52" s="44"/>
      <c r="R52" s="44"/>
      <c r="S52" s="44"/>
    </row>
    <row r="53" spans="2:19" s="11" customFormat="1" ht="22.5" customHeight="1">
      <c r="B53" s="87"/>
      <c r="C53" s="88" t="s">
        <v>28</v>
      </c>
      <c r="D53" s="257"/>
      <c r="E53" s="259"/>
      <c r="F53" s="91">
        <v>797</v>
      </c>
      <c r="G53" s="91">
        <v>2039</v>
      </c>
      <c r="H53" s="92">
        <v>1020</v>
      </c>
      <c r="I53" s="92">
        <v>1019</v>
      </c>
      <c r="J53" s="123">
        <v>456</v>
      </c>
      <c r="K53" s="94">
        <v>1352</v>
      </c>
      <c r="L53" s="94">
        <v>131</v>
      </c>
      <c r="M53" s="95">
        <v>1839</v>
      </c>
      <c r="N53" s="134">
        <v>1052</v>
      </c>
      <c r="O53" s="277">
        <v>0</v>
      </c>
      <c r="P53" s="97">
        <v>94.8</v>
      </c>
      <c r="Q53" s="44"/>
      <c r="R53" s="44"/>
      <c r="S53" s="44"/>
    </row>
    <row r="54" spans="2:19" s="11" customFormat="1" ht="22.5" customHeight="1">
      <c r="B54" s="87" t="s">
        <v>448</v>
      </c>
      <c r="C54" s="88" t="s">
        <v>26</v>
      </c>
      <c r="D54" s="257"/>
      <c r="E54" s="259"/>
      <c r="F54" s="91">
        <v>988</v>
      </c>
      <c r="G54" s="91">
        <v>2263</v>
      </c>
      <c r="H54" s="92">
        <v>1085</v>
      </c>
      <c r="I54" s="92">
        <v>1178</v>
      </c>
      <c r="J54" s="123">
        <v>265</v>
      </c>
      <c r="K54" s="94">
        <v>1377</v>
      </c>
      <c r="L54" s="94">
        <v>602</v>
      </c>
      <c r="M54" s="95">
        <v>1921</v>
      </c>
      <c r="N54" s="134">
        <v>361</v>
      </c>
      <c r="O54" s="96">
        <v>591</v>
      </c>
      <c r="P54" s="97">
        <v>85.6</v>
      </c>
      <c r="Q54" s="44"/>
      <c r="R54" s="44"/>
      <c r="S54" s="44"/>
    </row>
    <row r="55" spans="2:19" s="11" customFormat="1" ht="22.5" customHeight="1">
      <c r="B55" s="87"/>
      <c r="C55" s="88" t="s">
        <v>27</v>
      </c>
      <c r="D55" s="257"/>
      <c r="E55" s="259"/>
      <c r="F55" s="91">
        <v>866</v>
      </c>
      <c r="G55" s="91">
        <v>2269</v>
      </c>
      <c r="H55" s="92">
        <v>1116</v>
      </c>
      <c r="I55" s="92">
        <v>1153</v>
      </c>
      <c r="J55" s="123">
        <v>317</v>
      </c>
      <c r="K55" s="94">
        <v>1457</v>
      </c>
      <c r="L55" s="94">
        <v>494</v>
      </c>
      <c r="M55" s="95">
        <v>1683</v>
      </c>
      <c r="N55" s="134">
        <v>760</v>
      </c>
      <c r="O55" s="277">
        <v>0</v>
      </c>
      <c r="P55" s="97">
        <v>74.2</v>
      </c>
      <c r="Q55" s="44"/>
      <c r="R55" s="44"/>
      <c r="S55" s="44"/>
    </row>
    <row r="56" spans="2:19" s="11" customFormat="1" ht="23.25" customHeight="1">
      <c r="B56" s="87"/>
      <c r="C56" s="88" t="s">
        <v>28</v>
      </c>
      <c r="D56" s="257"/>
      <c r="E56" s="259"/>
      <c r="F56" s="91">
        <v>970</v>
      </c>
      <c r="G56" s="91">
        <v>2620</v>
      </c>
      <c r="H56" s="92">
        <v>1287</v>
      </c>
      <c r="I56" s="92">
        <v>1333</v>
      </c>
      <c r="J56" s="123">
        <v>538</v>
      </c>
      <c r="K56" s="94">
        <v>1836</v>
      </c>
      <c r="L56" s="94">
        <v>246</v>
      </c>
      <c r="M56" s="95">
        <v>1838</v>
      </c>
      <c r="N56" s="134">
        <v>846</v>
      </c>
      <c r="O56" s="277">
        <v>0</v>
      </c>
      <c r="P56" s="97">
        <v>70.2</v>
      </c>
      <c r="Q56" s="44"/>
      <c r="R56" s="44"/>
      <c r="S56" s="44"/>
    </row>
    <row r="57" spans="2:19" s="11" customFormat="1" ht="23.25" customHeight="1">
      <c r="B57" s="87"/>
      <c r="C57" s="88" t="s">
        <v>29</v>
      </c>
      <c r="D57" s="257"/>
      <c r="E57" s="259"/>
      <c r="F57" s="91">
        <v>885</v>
      </c>
      <c r="G57" s="91">
        <v>1971</v>
      </c>
      <c r="H57" s="92">
        <v>972</v>
      </c>
      <c r="I57" s="92">
        <v>999</v>
      </c>
      <c r="J57" s="123">
        <v>237</v>
      </c>
      <c r="K57" s="94">
        <v>1335</v>
      </c>
      <c r="L57" s="94">
        <v>378</v>
      </c>
      <c r="M57" s="95">
        <v>1325</v>
      </c>
      <c r="N57" s="134">
        <v>522</v>
      </c>
      <c r="O57" s="277">
        <v>0</v>
      </c>
      <c r="P57" s="97">
        <v>67.900000000000006</v>
      </c>
      <c r="Q57" s="44"/>
      <c r="R57" s="44"/>
      <c r="S57" s="44"/>
    </row>
    <row r="58" spans="2:19" s="11" customFormat="1" ht="23.25" customHeight="1">
      <c r="B58" s="87"/>
      <c r="C58" s="88" t="s">
        <v>30</v>
      </c>
      <c r="D58" s="257"/>
      <c r="E58" s="259"/>
      <c r="F58" s="91">
        <v>724</v>
      </c>
      <c r="G58" s="91">
        <v>1730</v>
      </c>
      <c r="H58" s="92">
        <v>904</v>
      </c>
      <c r="I58" s="92">
        <v>826</v>
      </c>
      <c r="J58" s="123">
        <v>201</v>
      </c>
      <c r="K58" s="94">
        <v>1138</v>
      </c>
      <c r="L58" s="94">
        <v>379</v>
      </c>
      <c r="M58" s="95">
        <v>1545</v>
      </c>
      <c r="N58" s="134">
        <v>824</v>
      </c>
      <c r="O58" s="277">
        <v>0</v>
      </c>
      <c r="P58" s="97">
        <v>89.9</v>
      </c>
      <c r="Q58" s="44"/>
      <c r="R58" s="44"/>
      <c r="S58" s="44"/>
    </row>
    <row r="59" spans="2:19" s="11" customFormat="1" ht="22.5" customHeight="1">
      <c r="B59" s="87"/>
      <c r="C59" s="88" t="s">
        <v>31</v>
      </c>
      <c r="D59" s="257"/>
      <c r="E59" s="259"/>
      <c r="F59" s="91">
        <v>517</v>
      </c>
      <c r="G59" s="91">
        <v>1169</v>
      </c>
      <c r="H59" s="92">
        <v>574</v>
      </c>
      <c r="I59" s="92">
        <v>595</v>
      </c>
      <c r="J59" s="123">
        <v>143</v>
      </c>
      <c r="K59" s="94">
        <v>697</v>
      </c>
      <c r="L59" s="94">
        <v>319</v>
      </c>
      <c r="M59" s="95">
        <v>1579</v>
      </c>
      <c r="N59" s="134">
        <v>557</v>
      </c>
      <c r="O59" s="96">
        <v>465</v>
      </c>
      <c r="P59" s="97">
        <v>136.19999999999999</v>
      </c>
      <c r="Q59" s="44"/>
      <c r="R59" s="44"/>
      <c r="S59" s="44"/>
    </row>
    <row r="60" spans="2:19" s="11" customFormat="1" ht="22.5" customHeight="1">
      <c r="B60" s="87" t="s">
        <v>449</v>
      </c>
      <c r="C60" s="88" t="s">
        <v>26</v>
      </c>
      <c r="D60" s="257"/>
      <c r="E60" s="259"/>
      <c r="F60" s="91">
        <v>279</v>
      </c>
      <c r="G60" s="91">
        <v>743</v>
      </c>
      <c r="H60" s="92">
        <v>397</v>
      </c>
      <c r="I60" s="92">
        <v>346</v>
      </c>
      <c r="J60" s="123">
        <v>181</v>
      </c>
      <c r="K60" s="94">
        <v>510</v>
      </c>
      <c r="L60" s="94">
        <v>52</v>
      </c>
      <c r="M60" s="95">
        <v>1371</v>
      </c>
      <c r="N60" s="134">
        <v>1045</v>
      </c>
      <c r="O60" s="277">
        <v>0</v>
      </c>
      <c r="P60" s="97">
        <v>184.5</v>
      </c>
      <c r="Q60" s="44"/>
      <c r="R60" s="44"/>
      <c r="S60" s="44"/>
    </row>
    <row r="61" spans="2:19" s="11" customFormat="1" ht="22.5" customHeight="1">
      <c r="B61" s="87"/>
      <c r="C61" s="88" t="s">
        <v>27</v>
      </c>
      <c r="D61" s="257"/>
      <c r="E61" s="259"/>
      <c r="F61" s="91">
        <v>1261</v>
      </c>
      <c r="G61" s="91">
        <v>2691</v>
      </c>
      <c r="H61" s="92">
        <v>1346</v>
      </c>
      <c r="I61" s="92">
        <v>1345</v>
      </c>
      <c r="J61" s="123">
        <v>330</v>
      </c>
      <c r="K61" s="94">
        <v>1719</v>
      </c>
      <c r="L61" s="94">
        <v>642</v>
      </c>
      <c r="M61" s="95">
        <v>2134</v>
      </c>
      <c r="N61" s="134">
        <v>669</v>
      </c>
      <c r="O61" s="96">
        <v>217</v>
      </c>
      <c r="P61" s="97">
        <v>79.3</v>
      </c>
      <c r="Q61" s="44"/>
      <c r="R61" s="44"/>
      <c r="S61" s="44"/>
    </row>
    <row r="62" spans="2:19" s="11" customFormat="1" ht="22.5" customHeight="1">
      <c r="B62" s="87"/>
      <c r="C62" s="88" t="s">
        <v>28</v>
      </c>
      <c r="D62" s="257"/>
      <c r="E62" s="259"/>
      <c r="F62" s="91">
        <v>196</v>
      </c>
      <c r="G62" s="91">
        <v>444</v>
      </c>
      <c r="H62" s="92">
        <v>247</v>
      </c>
      <c r="I62" s="92">
        <v>197</v>
      </c>
      <c r="J62" s="123">
        <v>73</v>
      </c>
      <c r="K62" s="94">
        <v>325</v>
      </c>
      <c r="L62" s="94">
        <v>46</v>
      </c>
      <c r="M62" s="95">
        <v>693</v>
      </c>
      <c r="N62" s="134">
        <v>563</v>
      </c>
      <c r="O62" s="277">
        <v>0</v>
      </c>
      <c r="P62" s="97">
        <v>156.1</v>
      </c>
      <c r="Q62" s="44"/>
      <c r="R62" s="44"/>
      <c r="S62" s="44"/>
    </row>
    <row r="63" spans="2:19" s="11" customFormat="1" ht="23.25" customHeight="1">
      <c r="B63" s="87" t="s">
        <v>450</v>
      </c>
      <c r="C63" s="88" t="s">
        <v>26</v>
      </c>
      <c r="D63" s="257"/>
      <c r="E63" s="259"/>
      <c r="F63" s="91">
        <v>204</v>
      </c>
      <c r="G63" s="91">
        <v>399</v>
      </c>
      <c r="H63" s="92">
        <v>222</v>
      </c>
      <c r="I63" s="92">
        <v>177</v>
      </c>
      <c r="J63" s="123">
        <v>37</v>
      </c>
      <c r="K63" s="94">
        <v>261</v>
      </c>
      <c r="L63" s="94">
        <v>101</v>
      </c>
      <c r="M63" s="95">
        <v>332</v>
      </c>
      <c r="N63" s="134">
        <v>176</v>
      </c>
      <c r="O63" s="277">
        <v>0</v>
      </c>
      <c r="P63" s="97">
        <v>83.2</v>
      </c>
      <c r="Q63" s="44"/>
      <c r="R63" s="44"/>
      <c r="S63" s="44"/>
    </row>
    <row r="64" spans="2:19" s="11" customFormat="1" ht="23.25" customHeight="1">
      <c r="B64" s="87"/>
      <c r="C64" s="88" t="s">
        <v>27</v>
      </c>
      <c r="D64" s="257"/>
      <c r="E64" s="259"/>
      <c r="F64" s="91">
        <v>16</v>
      </c>
      <c r="G64" s="91">
        <v>35</v>
      </c>
      <c r="H64" s="92">
        <v>19</v>
      </c>
      <c r="I64" s="92">
        <v>16</v>
      </c>
      <c r="J64" s="123">
        <v>6</v>
      </c>
      <c r="K64" s="94">
        <v>24</v>
      </c>
      <c r="L64" s="94">
        <v>5</v>
      </c>
      <c r="M64" s="95">
        <v>527</v>
      </c>
      <c r="N64" s="134">
        <v>513</v>
      </c>
      <c r="O64" s="277">
        <v>0</v>
      </c>
      <c r="P64" s="109">
        <v>1505.7</v>
      </c>
      <c r="Q64" s="44"/>
      <c r="R64" s="44"/>
      <c r="S64" s="44"/>
    </row>
    <row r="65" spans="1:19" s="11" customFormat="1" ht="23.25" customHeight="1">
      <c r="B65" s="87" t="s">
        <v>451</v>
      </c>
      <c r="C65" s="88" t="s">
        <v>26</v>
      </c>
      <c r="D65" s="257"/>
      <c r="E65" s="259"/>
      <c r="F65" s="91">
        <v>229</v>
      </c>
      <c r="G65" s="91">
        <v>466</v>
      </c>
      <c r="H65" s="92">
        <v>255</v>
      </c>
      <c r="I65" s="92">
        <v>211</v>
      </c>
      <c r="J65" s="123">
        <v>43</v>
      </c>
      <c r="K65" s="94">
        <v>331</v>
      </c>
      <c r="L65" s="94">
        <v>90</v>
      </c>
      <c r="M65" s="95">
        <v>966</v>
      </c>
      <c r="N65" s="134">
        <v>763</v>
      </c>
      <c r="O65" s="277">
        <v>0</v>
      </c>
      <c r="P65" s="97">
        <v>208.2</v>
      </c>
      <c r="Q65" s="44"/>
      <c r="R65" s="44"/>
      <c r="S65" s="44"/>
    </row>
    <row r="66" spans="1:19" s="11" customFormat="1" ht="23.25" customHeight="1">
      <c r="B66" s="87"/>
      <c r="C66" s="88" t="s">
        <v>27</v>
      </c>
      <c r="D66" s="257"/>
      <c r="E66" s="259"/>
      <c r="F66" s="91">
        <v>19</v>
      </c>
      <c r="G66" s="91">
        <v>90</v>
      </c>
      <c r="H66" s="92">
        <v>27</v>
      </c>
      <c r="I66" s="92">
        <v>63</v>
      </c>
      <c r="J66" s="123">
        <v>1</v>
      </c>
      <c r="K66" s="94">
        <v>29</v>
      </c>
      <c r="L66" s="94">
        <v>60</v>
      </c>
      <c r="M66" s="95">
        <v>539</v>
      </c>
      <c r="N66" s="134">
        <v>476</v>
      </c>
      <c r="O66" s="277">
        <v>0</v>
      </c>
      <c r="P66" s="97">
        <v>598.9</v>
      </c>
      <c r="Q66" s="44"/>
      <c r="R66" s="44"/>
      <c r="S66" s="44"/>
    </row>
    <row r="67" spans="1:19" s="11" customFormat="1" ht="23.25" customHeight="1">
      <c r="B67" s="87"/>
      <c r="C67" s="88" t="s">
        <v>28</v>
      </c>
      <c r="D67" s="257"/>
      <c r="E67" s="259"/>
      <c r="F67" s="91">
        <v>279</v>
      </c>
      <c r="G67" s="91">
        <v>609</v>
      </c>
      <c r="H67" s="92">
        <v>306</v>
      </c>
      <c r="I67" s="92">
        <v>303</v>
      </c>
      <c r="J67" s="123">
        <v>50</v>
      </c>
      <c r="K67" s="94">
        <v>398</v>
      </c>
      <c r="L67" s="94">
        <v>161</v>
      </c>
      <c r="M67" s="95">
        <v>982</v>
      </c>
      <c r="N67" s="134">
        <v>705</v>
      </c>
      <c r="O67" s="277">
        <v>0</v>
      </c>
      <c r="P67" s="97">
        <v>161.19999999999999</v>
      </c>
      <c r="Q67" s="44"/>
      <c r="R67" s="44"/>
      <c r="S67" s="44"/>
    </row>
    <row r="68" spans="1:19" s="11" customFormat="1" ht="23.25" customHeight="1">
      <c r="B68" s="87" t="s">
        <v>452</v>
      </c>
      <c r="C68" s="88" t="s">
        <v>26</v>
      </c>
      <c r="D68" s="257"/>
      <c r="E68" s="259"/>
      <c r="F68" s="335">
        <v>829</v>
      </c>
      <c r="G68" s="335">
        <v>1937</v>
      </c>
      <c r="H68" s="336">
        <v>990</v>
      </c>
      <c r="I68" s="336">
        <v>947</v>
      </c>
      <c r="J68" s="284">
        <v>307</v>
      </c>
      <c r="K68" s="285">
        <v>1249</v>
      </c>
      <c r="L68" s="285">
        <v>379</v>
      </c>
      <c r="M68" s="95">
        <v>1116</v>
      </c>
      <c r="N68" s="134">
        <v>291</v>
      </c>
      <c r="O68" s="277">
        <v>0</v>
      </c>
      <c r="P68" s="97">
        <v>57.7</v>
      </c>
      <c r="Q68" s="44"/>
      <c r="R68" s="44"/>
      <c r="S68" s="44"/>
    </row>
    <row r="69" spans="1:19" s="11" customFormat="1" ht="22.5" customHeight="1">
      <c r="B69" s="87"/>
      <c r="C69" s="88" t="s">
        <v>27</v>
      </c>
      <c r="D69" s="257"/>
      <c r="E69" s="259"/>
      <c r="F69" s="335">
        <v>626</v>
      </c>
      <c r="G69" s="335">
        <v>1484</v>
      </c>
      <c r="H69" s="336">
        <v>733</v>
      </c>
      <c r="I69" s="336">
        <v>751</v>
      </c>
      <c r="J69" s="284">
        <v>231</v>
      </c>
      <c r="K69" s="285">
        <v>1043</v>
      </c>
      <c r="L69" s="285">
        <v>210</v>
      </c>
      <c r="M69" s="95">
        <v>1196</v>
      </c>
      <c r="N69" s="134">
        <v>332</v>
      </c>
      <c r="O69" s="96">
        <v>287</v>
      </c>
      <c r="P69" s="97">
        <v>80.599999999999994</v>
      </c>
      <c r="Q69" s="44"/>
      <c r="R69" s="44"/>
      <c r="S69" s="44"/>
    </row>
    <row r="70" spans="1:19" s="11" customFormat="1" ht="22.5" customHeight="1">
      <c r="B70" s="87"/>
      <c r="C70" s="88" t="s">
        <v>28</v>
      </c>
      <c r="D70" s="257"/>
      <c r="E70" s="259"/>
      <c r="F70" s="335">
        <v>916</v>
      </c>
      <c r="G70" s="335">
        <v>2060</v>
      </c>
      <c r="H70" s="336">
        <v>1004</v>
      </c>
      <c r="I70" s="336">
        <v>1056</v>
      </c>
      <c r="J70" s="284">
        <v>228</v>
      </c>
      <c r="K70" s="285">
        <v>1432</v>
      </c>
      <c r="L70" s="285">
        <v>400</v>
      </c>
      <c r="M70" s="95">
        <v>1766</v>
      </c>
      <c r="N70" s="134">
        <v>240</v>
      </c>
      <c r="O70" s="103">
        <v>577</v>
      </c>
      <c r="P70" s="109">
        <v>85.7</v>
      </c>
      <c r="Q70" s="44"/>
      <c r="R70" s="44"/>
      <c r="S70" s="44"/>
    </row>
    <row r="71" spans="1:19" s="11" customFormat="1" ht="22.5" customHeight="1">
      <c r="B71" s="87" t="s">
        <v>453</v>
      </c>
      <c r="C71" s="88" t="s">
        <v>26</v>
      </c>
      <c r="D71" s="257"/>
      <c r="E71" s="259"/>
      <c r="F71" s="335">
        <v>1508</v>
      </c>
      <c r="G71" s="335">
        <v>3794</v>
      </c>
      <c r="H71" s="336">
        <v>1927</v>
      </c>
      <c r="I71" s="336">
        <v>1867</v>
      </c>
      <c r="J71" s="284">
        <v>387</v>
      </c>
      <c r="K71" s="285">
        <v>2607</v>
      </c>
      <c r="L71" s="285">
        <v>800</v>
      </c>
      <c r="M71" s="95">
        <v>2331</v>
      </c>
      <c r="N71" s="134">
        <v>574</v>
      </c>
      <c r="O71" s="96">
        <v>143</v>
      </c>
      <c r="P71" s="97">
        <v>61.4</v>
      </c>
      <c r="Q71" s="44"/>
      <c r="R71" s="44"/>
      <c r="S71" s="44"/>
    </row>
    <row r="72" spans="1:19" s="11" customFormat="1" ht="11.25" customHeight="1">
      <c r="B72" s="440"/>
      <c r="C72" s="440" t="s">
        <v>27</v>
      </c>
      <c r="D72" s="262"/>
      <c r="E72" s="453" t="s">
        <v>454</v>
      </c>
      <c r="F72" s="454">
        <v>7</v>
      </c>
      <c r="G72" s="285">
        <v>8</v>
      </c>
      <c r="H72" s="454">
        <v>7</v>
      </c>
      <c r="I72" s="454">
        <v>1</v>
      </c>
      <c r="J72" s="427" t="s">
        <v>96</v>
      </c>
      <c r="K72" s="445">
        <v>9</v>
      </c>
      <c r="L72" s="448">
        <v>2</v>
      </c>
      <c r="M72" s="449">
        <v>4248</v>
      </c>
      <c r="N72" s="450">
        <v>4248</v>
      </c>
      <c r="O72" s="450">
        <v>0</v>
      </c>
      <c r="P72" s="434">
        <v>53100</v>
      </c>
      <c r="Q72" s="44"/>
      <c r="R72" s="44"/>
      <c r="S72" s="44"/>
    </row>
    <row r="73" spans="1:19" s="11" customFormat="1" ht="11.25" customHeight="1">
      <c r="B73" s="440"/>
      <c r="C73" s="440"/>
      <c r="D73" s="262"/>
      <c r="E73" s="453"/>
      <c r="F73" s="454"/>
      <c r="G73" s="333">
        <v>11</v>
      </c>
      <c r="H73" s="454"/>
      <c r="I73" s="454"/>
      <c r="J73" s="427"/>
      <c r="K73" s="445"/>
      <c r="L73" s="448"/>
      <c r="M73" s="449"/>
      <c r="N73" s="450"/>
      <c r="O73" s="450"/>
      <c r="P73" s="434">
        <v>0</v>
      </c>
      <c r="Q73" s="44"/>
      <c r="R73" s="44"/>
      <c r="S73" s="44"/>
    </row>
    <row r="74" spans="1:19" s="11" customFormat="1" ht="22.5" customHeight="1">
      <c r="B74" s="87" t="s">
        <v>455</v>
      </c>
      <c r="C74" s="88" t="s">
        <v>26</v>
      </c>
      <c r="D74" s="257"/>
      <c r="E74" s="240" t="s">
        <v>456</v>
      </c>
      <c r="F74" s="335">
        <v>2</v>
      </c>
      <c r="G74" s="335">
        <v>3</v>
      </c>
      <c r="H74" s="336">
        <v>2</v>
      </c>
      <c r="I74" s="336">
        <v>1</v>
      </c>
      <c r="J74" s="98" t="s">
        <v>229</v>
      </c>
      <c r="K74" s="98" t="s">
        <v>229</v>
      </c>
      <c r="L74" s="98" t="s">
        <v>229</v>
      </c>
      <c r="M74" s="102">
        <v>545</v>
      </c>
      <c r="N74" s="100">
        <v>543</v>
      </c>
      <c r="O74" s="277">
        <v>0</v>
      </c>
      <c r="P74" s="109">
        <v>18166.7</v>
      </c>
      <c r="Q74" s="44"/>
      <c r="R74" s="44"/>
      <c r="S74" s="44"/>
    </row>
    <row r="75" spans="1:19" s="11" customFormat="1" ht="22.5" customHeight="1">
      <c r="A75" s="12"/>
      <c r="B75" s="136"/>
      <c r="C75" s="293" t="s">
        <v>27</v>
      </c>
      <c r="D75" s="294"/>
      <c r="E75" s="339"/>
      <c r="F75" s="334" t="s">
        <v>96</v>
      </c>
      <c r="G75" s="334" t="s">
        <v>96</v>
      </c>
      <c r="H75" s="334" t="s">
        <v>96</v>
      </c>
      <c r="I75" s="334" t="s">
        <v>96</v>
      </c>
      <c r="J75" s="334" t="s">
        <v>96</v>
      </c>
      <c r="K75" s="334" t="s">
        <v>96</v>
      </c>
      <c r="L75" s="334" t="s">
        <v>96</v>
      </c>
      <c r="M75" s="102">
        <v>35</v>
      </c>
      <c r="N75" s="100">
        <v>35</v>
      </c>
      <c r="O75" s="277">
        <v>0</v>
      </c>
      <c r="P75" s="109" t="s">
        <v>457</v>
      </c>
      <c r="Q75" s="44"/>
      <c r="R75" s="44"/>
      <c r="S75" s="44"/>
    </row>
    <row r="76" spans="1:19" s="11" customFormat="1" ht="22.5" customHeight="1">
      <c r="A76" s="66"/>
      <c r="B76" s="110" t="s">
        <v>206</v>
      </c>
      <c r="C76" s="111"/>
      <c r="D76" s="260"/>
      <c r="E76" s="261"/>
      <c r="F76" s="340" t="s">
        <v>96</v>
      </c>
      <c r="G76" s="340" t="s">
        <v>96</v>
      </c>
      <c r="H76" s="340" t="s">
        <v>96</v>
      </c>
      <c r="I76" s="340" t="s">
        <v>96</v>
      </c>
      <c r="J76" s="340" t="s">
        <v>96</v>
      </c>
      <c r="K76" s="340" t="s">
        <v>96</v>
      </c>
      <c r="L76" s="340" t="s">
        <v>96</v>
      </c>
      <c r="M76" s="341">
        <v>0</v>
      </c>
      <c r="N76" s="121">
        <v>0</v>
      </c>
      <c r="O76" s="280">
        <v>0</v>
      </c>
      <c r="P76" s="342" t="s">
        <v>457</v>
      </c>
    </row>
  </sheetData>
  <mergeCells count="35">
    <mergeCell ref="A4:P4"/>
    <mergeCell ref="B6:C7"/>
    <mergeCell ref="F6:F7"/>
    <mergeCell ref="G6:I6"/>
    <mergeCell ref="J6:L6"/>
    <mergeCell ref="M6:O6"/>
    <mergeCell ref="P6:P7"/>
    <mergeCell ref="N24:N25"/>
    <mergeCell ref="B9:C9"/>
    <mergeCell ref="B24:B25"/>
    <mergeCell ref="C24:C25"/>
    <mergeCell ref="E24:E25"/>
    <mergeCell ref="F24:F25"/>
    <mergeCell ref="H24:H25"/>
    <mergeCell ref="A1:D1"/>
    <mergeCell ref="O24:O25"/>
    <mergeCell ref="P24:P25"/>
    <mergeCell ref="B72:B73"/>
    <mergeCell ref="C72:C73"/>
    <mergeCell ref="E72:E73"/>
    <mergeCell ref="F72:F73"/>
    <mergeCell ref="H72:H73"/>
    <mergeCell ref="I72:I73"/>
    <mergeCell ref="J72:J73"/>
    <mergeCell ref="K72:K73"/>
    <mergeCell ref="I24:I25"/>
    <mergeCell ref="J24:J25"/>
    <mergeCell ref="K24:K25"/>
    <mergeCell ref="L24:L25"/>
    <mergeCell ref="M24:M25"/>
    <mergeCell ref="L72:L73"/>
    <mergeCell ref="M72:M73"/>
    <mergeCell ref="N72:N73"/>
    <mergeCell ref="O72:O73"/>
    <mergeCell ref="P72:P73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42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98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3.6640625" style="44" customWidth="1"/>
    <col min="6" max="6" width="9.164062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10.1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48" t="s">
        <v>458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22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22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22" s="15" customFormat="1" ht="3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22" s="64" customFormat="1" ht="13.5" customHeight="1">
      <c r="B9" s="429" t="s">
        <v>92</v>
      </c>
      <c r="C9" s="432"/>
      <c r="D9" s="255"/>
      <c r="E9" s="256"/>
      <c r="F9" s="152">
        <v>85217</v>
      </c>
      <c r="G9" s="152">
        <v>169222</v>
      </c>
      <c r="H9" s="154">
        <v>83713</v>
      </c>
      <c r="I9" s="155">
        <v>85509</v>
      </c>
      <c r="J9" s="83">
        <v>18509</v>
      </c>
      <c r="K9" s="83">
        <v>119919</v>
      </c>
      <c r="L9" s="83">
        <v>29260</v>
      </c>
      <c r="M9" s="84">
        <v>220375</v>
      </c>
      <c r="N9" s="85">
        <v>130622</v>
      </c>
      <c r="O9" s="85">
        <v>19492</v>
      </c>
      <c r="P9" s="86">
        <v>131.4</v>
      </c>
    </row>
    <row r="10" spans="1:22" s="11" customFormat="1" ht="3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22" s="11" customFormat="1" ht="16.5" customHeight="1">
      <c r="B11" s="87" t="s">
        <v>459</v>
      </c>
      <c r="C11" s="88" t="s">
        <v>26</v>
      </c>
      <c r="D11" s="257"/>
      <c r="E11" s="108"/>
      <c r="F11" s="91">
        <v>1379</v>
      </c>
      <c r="G11" s="91">
        <v>1937</v>
      </c>
      <c r="H11" s="92">
        <v>1031</v>
      </c>
      <c r="I11" s="99">
        <v>906</v>
      </c>
      <c r="J11" s="94">
        <v>82</v>
      </c>
      <c r="K11" s="94">
        <v>1459</v>
      </c>
      <c r="L11" s="94">
        <v>311</v>
      </c>
      <c r="M11" s="95">
        <v>2710</v>
      </c>
      <c r="N11" s="96">
        <v>1363</v>
      </c>
      <c r="O11" s="96">
        <v>382</v>
      </c>
      <c r="P11" s="97">
        <v>146.30000000000001</v>
      </c>
      <c r="T11" s="64"/>
      <c r="U11" s="64"/>
      <c r="V11" s="64"/>
    </row>
    <row r="12" spans="1:22" s="11" customFormat="1" ht="16.5" customHeight="1">
      <c r="B12" s="87"/>
      <c r="C12" s="88" t="s">
        <v>27</v>
      </c>
      <c r="D12" s="257"/>
      <c r="E12" s="108"/>
      <c r="F12" s="91">
        <v>484</v>
      </c>
      <c r="G12" s="91">
        <v>787</v>
      </c>
      <c r="H12" s="92">
        <v>393</v>
      </c>
      <c r="I12" s="99">
        <v>394</v>
      </c>
      <c r="J12" s="94">
        <v>38</v>
      </c>
      <c r="K12" s="94">
        <v>511</v>
      </c>
      <c r="L12" s="94">
        <v>123</v>
      </c>
      <c r="M12" s="95">
        <v>1286</v>
      </c>
      <c r="N12" s="96">
        <v>989</v>
      </c>
      <c r="O12" s="277">
        <v>0</v>
      </c>
      <c r="P12" s="97">
        <v>191.4</v>
      </c>
      <c r="T12" s="64"/>
      <c r="U12" s="64"/>
      <c r="V12" s="64"/>
    </row>
    <row r="13" spans="1:22" s="11" customFormat="1" ht="16.5" customHeight="1">
      <c r="B13" s="87"/>
      <c r="C13" s="88" t="s">
        <v>28</v>
      </c>
      <c r="D13" s="257"/>
      <c r="E13" s="108"/>
      <c r="F13" s="91">
        <v>1044</v>
      </c>
      <c r="G13" s="91">
        <v>2055</v>
      </c>
      <c r="H13" s="92">
        <v>1008</v>
      </c>
      <c r="I13" s="99">
        <v>1047</v>
      </c>
      <c r="J13" s="94">
        <v>164</v>
      </c>
      <c r="K13" s="94">
        <v>1304</v>
      </c>
      <c r="L13" s="94">
        <v>551</v>
      </c>
      <c r="M13" s="95">
        <v>1478</v>
      </c>
      <c r="N13" s="96">
        <v>602</v>
      </c>
      <c r="O13" s="277">
        <v>0</v>
      </c>
      <c r="P13" s="97">
        <v>73.2</v>
      </c>
      <c r="T13" s="64"/>
      <c r="U13" s="64"/>
      <c r="V13" s="64"/>
    </row>
    <row r="14" spans="1:22" s="11" customFormat="1" ht="16.5" customHeight="1">
      <c r="B14" s="87"/>
      <c r="C14" s="88" t="s">
        <v>29</v>
      </c>
      <c r="D14" s="257"/>
      <c r="E14" s="108"/>
      <c r="F14" s="91">
        <v>346</v>
      </c>
      <c r="G14" s="91">
        <v>741</v>
      </c>
      <c r="H14" s="92">
        <v>336</v>
      </c>
      <c r="I14" s="99">
        <v>405</v>
      </c>
      <c r="J14" s="94">
        <v>82</v>
      </c>
      <c r="K14" s="94">
        <v>443</v>
      </c>
      <c r="L14" s="94">
        <v>215</v>
      </c>
      <c r="M14" s="95">
        <v>682</v>
      </c>
      <c r="N14" s="96">
        <v>203</v>
      </c>
      <c r="O14" s="96">
        <v>148</v>
      </c>
      <c r="P14" s="97">
        <v>92.2</v>
      </c>
      <c r="T14" s="64"/>
      <c r="U14" s="64"/>
      <c r="V14" s="64"/>
    </row>
    <row r="15" spans="1:22" s="11" customFormat="1" ht="16.5" customHeight="1">
      <c r="B15" s="87"/>
      <c r="C15" s="88" t="s">
        <v>30</v>
      </c>
      <c r="D15" s="257"/>
      <c r="E15" s="108"/>
      <c r="F15" s="91">
        <v>340</v>
      </c>
      <c r="G15" s="91">
        <v>702</v>
      </c>
      <c r="H15" s="92">
        <v>340</v>
      </c>
      <c r="I15" s="99">
        <v>362</v>
      </c>
      <c r="J15" s="94">
        <v>48</v>
      </c>
      <c r="K15" s="94">
        <v>453</v>
      </c>
      <c r="L15" s="94">
        <v>189</v>
      </c>
      <c r="M15" s="95">
        <v>1836</v>
      </c>
      <c r="N15" s="96">
        <v>170</v>
      </c>
      <c r="O15" s="96">
        <v>1306</v>
      </c>
      <c r="P15" s="97">
        <v>266.10000000000002</v>
      </c>
      <c r="T15" s="64"/>
      <c r="U15" s="64"/>
      <c r="V15" s="64"/>
    </row>
    <row r="16" spans="1:22" s="11" customFormat="1" ht="16.5" customHeight="1">
      <c r="B16" s="87" t="s">
        <v>460</v>
      </c>
      <c r="C16" s="88" t="s">
        <v>26</v>
      </c>
      <c r="D16" s="257"/>
      <c r="E16" s="108"/>
      <c r="F16" s="91">
        <v>1014</v>
      </c>
      <c r="G16" s="91">
        <v>1796</v>
      </c>
      <c r="H16" s="92">
        <v>865</v>
      </c>
      <c r="I16" s="99">
        <v>931</v>
      </c>
      <c r="J16" s="94">
        <v>134</v>
      </c>
      <c r="K16" s="94">
        <v>1305</v>
      </c>
      <c r="L16" s="94">
        <v>355</v>
      </c>
      <c r="M16" s="95">
        <v>2857</v>
      </c>
      <c r="N16" s="96">
        <v>1975</v>
      </c>
      <c r="O16" s="277">
        <v>0</v>
      </c>
      <c r="P16" s="97">
        <v>159.30000000000001</v>
      </c>
      <c r="T16" s="64"/>
      <c r="U16" s="64"/>
      <c r="V16" s="64"/>
    </row>
    <row r="17" spans="2:22" s="11" customFormat="1" ht="16.5" customHeight="1">
      <c r="B17" s="87"/>
      <c r="C17" s="88" t="s">
        <v>27</v>
      </c>
      <c r="D17" s="257"/>
      <c r="E17" s="108"/>
      <c r="F17" s="91">
        <v>715</v>
      </c>
      <c r="G17" s="91">
        <v>1567</v>
      </c>
      <c r="H17" s="92">
        <v>744</v>
      </c>
      <c r="I17" s="99">
        <v>823</v>
      </c>
      <c r="J17" s="94">
        <v>178</v>
      </c>
      <c r="K17" s="94">
        <v>1085</v>
      </c>
      <c r="L17" s="94">
        <v>304</v>
      </c>
      <c r="M17" s="95">
        <v>2546</v>
      </c>
      <c r="N17" s="96">
        <v>486</v>
      </c>
      <c r="O17" s="96">
        <v>1425</v>
      </c>
      <c r="P17" s="97">
        <v>162.5</v>
      </c>
      <c r="T17" s="64"/>
      <c r="U17" s="64"/>
      <c r="V17" s="64"/>
    </row>
    <row r="18" spans="2:22" s="11" customFormat="1" ht="16.5" customHeight="1">
      <c r="B18" s="87"/>
      <c r="C18" s="88" t="s">
        <v>28</v>
      </c>
      <c r="D18" s="257"/>
      <c r="E18" s="108"/>
      <c r="F18" s="91">
        <v>1431</v>
      </c>
      <c r="G18" s="91">
        <v>2567</v>
      </c>
      <c r="H18" s="92">
        <v>1298</v>
      </c>
      <c r="I18" s="99">
        <v>1269</v>
      </c>
      <c r="J18" s="94">
        <v>258</v>
      </c>
      <c r="K18" s="94">
        <v>1830</v>
      </c>
      <c r="L18" s="94">
        <v>479</v>
      </c>
      <c r="M18" s="95">
        <v>1587</v>
      </c>
      <c r="N18" s="96">
        <v>451</v>
      </c>
      <c r="O18" s="277">
        <v>0</v>
      </c>
      <c r="P18" s="97">
        <v>61.8</v>
      </c>
      <c r="T18" s="64"/>
      <c r="U18" s="64"/>
      <c r="V18" s="64"/>
    </row>
    <row r="19" spans="2:22" s="11" customFormat="1" ht="16.5" customHeight="1">
      <c r="B19" s="87" t="s">
        <v>461</v>
      </c>
      <c r="C19" s="88" t="s">
        <v>26</v>
      </c>
      <c r="D19" s="257"/>
      <c r="E19" s="108"/>
      <c r="F19" s="91">
        <v>575</v>
      </c>
      <c r="G19" s="91">
        <v>888</v>
      </c>
      <c r="H19" s="92">
        <v>447</v>
      </c>
      <c r="I19" s="99">
        <v>441</v>
      </c>
      <c r="J19" s="94">
        <v>53</v>
      </c>
      <c r="K19" s="94">
        <v>691</v>
      </c>
      <c r="L19" s="94">
        <v>134</v>
      </c>
      <c r="M19" s="95">
        <v>3139</v>
      </c>
      <c r="N19" s="96">
        <v>2690</v>
      </c>
      <c r="O19" s="277">
        <v>0</v>
      </c>
      <c r="P19" s="97">
        <v>357.5</v>
      </c>
      <c r="T19" s="64"/>
      <c r="U19" s="64"/>
      <c r="V19" s="64"/>
    </row>
    <row r="20" spans="2:22" s="11" customFormat="1" ht="16.5" customHeight="1">
      <c r="B20" s="87"/>
      <c r="C20" s="88" t="s">
        <v>27</v>
      </c>
      <c r="D20" s="257"/>
      <c r="E20" s="108"/>
      <c r="F20" s="91">
        <v>557</v>
      </c>
      <c r="G20" s="91">
        <v>901</v>
      </c>
      <c r="H20" s="92">
        <v>427</v>
      </c>
      <c r="I20" s="99">
        <v>474</v>
      </c>
      <c r="J20" s="94">
        <v>59</v>
      </c>
      <c r="K20" s="94">
        <v>623</v>
      </c>
      <c r="L20" s="94">
        <v>195</v>
      </c>
      <c r="M20" s="95">
        <v>2850</v>
      </c>
      <c r="N20" s="96">
        <v>2415</v>
      </c>
      <c r="O20" s="277">
        <v>0</v>
      </c>
      <c r="P20" s="97">
        <v>325</v>
      </c>
      <c r="T20" s="64"/>
      <c r="U20" s="64"/>
      <c r="V20" s="64"/>
    </row>
    <row r="21" spans="2:22" s="11" customFormat="1" ht="16.5" customHeight="1">
      <c r="B21" s="87"/>
      <c r="C21" s="88" t="s">
        <v>28</v>
      </c>
      <c r="D21" s="257"/>
      <c r="E21" s="108"/>
      <c r="F21" s="91">
        <v>573</v>
      </c>
      <c r="G21" s="91">
        <v>1168</v>
      </c>
      <c r="H21" s="92">
        <v>552</v>
      </c>
      <c r="I21" s="99">
        <v>616</v>
      </c>
      <c r="J21" s="94">
        <v>159</v>
      </c>
      <c r="K21" s="94">
        <v>857</v>
      </c>
      <c r="L21" s="94">
        <v>144</v>
      </c>
      <c r="M21" s="102">
        <v>2521</v>
      </c>
      <c r="N21" s="103">
        <v>1519</v>
      </c>
      <c r="O21" s="103">
        <v>476</v>
      </c>
      <c r="P21" s="109">
        <v>217.3</v>
      </c>
      <c r="T21" s="64"/>
      <c r="U21" s="64"/>
      <c r="V21" s="64"/>
    </row>
    <row r="22" spans="2:22" s="11" customFormat="1" ht="16.5" customHeight="1">
      <c r="B22" s="87" t="s">
        <v>462</v>
      </c>
      <c r="C22" s="88" t="s">
        <v>26</v>
      </c>
      <c r="D22" s="257"/>
      <c r="E22" s="108"/>
      <c r="F22" s="91">
        <v>694</v>
      </c>
      <c r="G22" s="91">
        <v>1319</v>
      </c>
      <c r="H22" s="92">
        <v>645</v>
      </c>
      <c r="I22" s="99">
        <v>674</v>
      </c>
      <c r="J22" s="94">
        <v>112</v>
      </c>
      <c r="K22" s="94">
        <v>944</v>
      </c>
      <c r="L22" s="94">
        <v>242</v>
      </c>
      <c r="M22" s="95">
        <v>1116</v>
      </c>
      <c r="N22" s="96">
        <v>490</v>
      </c>
      <c r="O22" s="96">
        <v>79</v>
      </c>
      <c r="P22" s="97">
        <v>86</v>
      </c>
      <c r="T22" s="64"/>
      <c r="U22" s="64"/>
      <c r="V22" s="64"/>
    </row>
    <row r="23" spans="2:22" s="11" customFormat="1" ht="16.5" customHeight="1">
      <c r="B23" s="87"/>
      <c r="C23" s="88" t="s">
        <v>27</v>
      </c>
      <c r="D23" s="257"/>
      <c r="E23" s="108"/>
      <c r="F23" s="91">
        <v>769</v>
      </c>
      <c r="G23" s="91">
        <v>1497</v>
      </c>
      <c r="H23" s="92">
        <v>723</v>
      </c>
      <c r="I23" s="99">
        <v>774</v>
      </c>
      <c r="J23" s="94">
        <v>152</v>
      </c>
      <c r="K23" s="94">
        <v>987</v>
      </c>
      <c r="L23" s="94">
        <v>346</v>
      </c>
      <c r="M23" s="95">
        <v>2567</v>
      </c>
      <c r="N23" s="96">
        <v>1501</v>
      </c>
      <c r="O23" s="96">
        <v>425</v>
      </c>
      <c r="P23" s="97">
        <v>172.9</v>
      </c>
      <c r="T23" s="64"/>
      <c r="U23" s="64"/>
      <c r="V23" s="64"/>
    </row>
    <row r="24" spans="2:22" s="11" customFormat="1" ht="16.5" customHeight="1">
      <c r="B24" s="87"/>
      <c r="C24" s="88" t="s">
        <v>28</v>
      </c>
      <c r="D24" s="257"/>
      <c r="E24" s="108"/>
      <c r="F24" s="91">
        <v>139</v>
      </c>
      <c r="G24" s="91">
        <v>488</v>
      </c>
      <c r="H24" s="92">
        <v>201</v>
      </c>
      <c r="I24" s="99">
        <v>287</v>
      </c>
      <c r="J24" s="94">
        <v>109</v>
      </c>
      <c r="K24" s="94">
        <v>216</v>
      </c>
      <c r="L24" s="94">
        <v>163</v>
      </c>
      <c r="M24" s="95">
        <v>578</v>
      </c>
      <c r="N24" s="96">
        <v>337</v>
      </c>
      <c r="O24" s="277">
        <v>0</v>
      </c>
      <c r="P24" s="97">
        <v>118.4</v>
      </c>
      <c r="T24" s="64"/>
      <c r="U24" s="64"/>
      <c r="V24" s="64"/>
    </row>
    <row r="25" spans="2:22" s="11" customFormat="1" ht="16.5" customHeight="1">
      <c r="B25" s="87" t="s">
        <v>463</v>
      </c>
      <c r="C25" s="88" t="s">
        <v>26</v>
      </c>
      <c r="D25" s="257"/>
      <c r="E25" s="108"/>
      <c r="F25" s="91">
        <v>959</v>
      </c>
      <c r="G25" s="91">
        <v>1991</v>
      </c>
      <c r="H25" s="92">
        <v>988</v>
      </c>
      <c r="I25" s="99">
        <v>1003</v>
      </c>
      <c r="J25" s="94">
        <v>220</v>
      </c>
      <c r="K25" s="94">
        <v>1339</v>
      </c>
      <c r="L25" s="94">
        <v>426</v>
      </c>
      <c r="M25" s="95">
        <v>1244</v>
      </c>
      <c r="N25" s="96">
        <v>426</v>
      </c>
      <c r="O25" s="277">
        <v>0</v>
      </c>
      <c r="P25" s="97">
        <v>62.7</v>
      </c>
      <c r="T25" s="64"/>
      <c r="U25" s="64"/>
      <c r="V25" s="64"/>
    </row>
    <row r="26" spans="2:22" s="11" customFormat="1" ht="16.5" customHeight="1">
      <c r="B26" s="87"/>
      <c r="C26" s="88" t="s">
        <v>27</v>
      </c>
      <c r="D26" s="257"/>
      <c r="E26" s="108"/>
      <c r="F26" s="91">
        <v>1867</v>
      </c>
      <c r="G26" s="91">
        <v>3574</v>
      </c>
      <c r="H26" s="92">
        <v>1671</v>
      </c>
      <c r="I26" s="99">
        <v>1903</v>
      </c>
      <c r="J26" s="94">
        <v>382</v>
      </c>
      <c r="K26" s="94">
        <v>2572</v>
      </c>
      <c r="L26" s="94">
        <v>594</v>
      </c>
      <c r="M26" s="95">
        <v>2783</v>
      </c>
      <c r="N26" s="96">
        <v>1357</v>
      </c>
      <c r="O26" s="277">
        <v>0</v>
      </c>
      <c r="P26" s="97">
        <v>78.400000000000006</v>
      </c>
      <c r="T26" s="64"/>
      <c r="U26" s="64"/>
      <c r="V26" s="64"/>
    </row>
    <row r="27" spans="2:22" s="11" customFormat="1" ht="16.5" customHeight="1">
      <c r="B27" s="87"/>
      <c r="C27" s="88" t="s">
        <v>28</v>
      </c>
      <c r="D27" s="257"/>
      <c r="E27" s="108"/>
      <c r="F27" s="91">
        <v>800</v>
      </c>
      <c r="G27" s="91">
        <v>1536</v>
      </c>
      <c r="H27" s="92">
        <v>750</v>
      </c>
      <c r="I27" s="99">
        <v>786</v>
      </c>
      <c r="J27" s="94">
        <v>144</v>
      </c>
      <c r="K27" s="94">
        <v>1046</v>
      </c>
      <c r="L27" s="94">
        <v>332</v>
      </c>
      <c r="M27" s="95">
        <v>1508</v>
      </c>
      <c r="N27" s="96">
        <v>337</v>
      </c>
      <c r="O27" s="96">
        <v>477</v>
      </c>
      <c r="P27" s="97">
        <v>99.1</v>
      </c>
      <c r="T27" s="64"/>
      <c r="U27" s="64"/>
      <c r="V27" s="64"/>
    </row>
    <row r="28" spans="2:22" s="11" customFormat="1" ht="16.5" customHeight="1">
      <c r="B28" s="87"/>
      <c r="C28" s="88" t="s">
        <v>29</v>
      </c>
      <c r="D28" s="257"/>
      <c r="E28" s="108"/>
      <c r="F28" s="91">
        <v>1054</v>
      </c>
      <c r="G28" s="91">
        <v>2064</v>
      </c>
      <c r="H28" s="92">
        <v>1025</v>
      </c>
      <c r="I28" s="99">
        <v>1039</v>
      </c>
      <c r="J28" s="94">
        <v>228</v>
      </c>
      <c r="K28" s="94">
        <v>1454</v>
      </c>
      <c r="L28" s="94">
        <v>376</v>
      </c>
      <c r="M28" s="95">
        <v>1202</v>
      </c>
      <c r="N28" s="96">
        <v>268</v>
      </c>
      <c r="O28" s="277">
        <v>0</v>
      </c>
      <c r="P28" s="97">
        <v>58.4</v>
      </c>
      <c r="T28" s="64"/>
      <c r="U28" s="64"/>
      <c r="V28" s="64"/>
    </row>
    <row r="29" spans="2:22" s="11" customFormat="1" ht="16.5" customHeight="1">
      <c r="B29" s="87"/>
      <c r="C29" s="88" t="s">
        <v>30</v>
      </c>
      <c r="D29" s="257"/>
      <c r="E29" s="108"/>
      <c r="F29" s="91">
        <v>753</v>
      </c>
      <c r="G29" s="91">
        <v>1471</v>
      </c>
      <c r="H29" s="92">
        <v>757</v>
      </c>
      <c r="I29" s="99">
        <v>714</v>
      </c>
      <c r="J29" s="94">
        <v>136</v>
      </c>
      <c r="K29" s="94">
        <v>973</v>
      </c>
      <c r="L29" s="94">
        <v>337</v>
      </c>
      <c r="M29" s="95">
        <v>932</v>
      </c>
      <c r="N29" s="96">
        <v>300</v>
      </c>
      <c r="O29" s="277">
        <v>0</v>
      </c>
      <c r="P29" s="97">
        <v>64.5</v>
      </c>
      <c r="T29" s="64"/>
      <c r="U29" s="64"/>
      <c r="V29" s="64"/>
    </row>
    <row r="30" spans="2:22" s="11" customFormat="1" ht="16.5" customHeight="1">
      <c r="B30" s="87"/>
      <c r="C30" s="88" t="s">
        <v>31</v>
      </c>
      <c r="D30" s="257"/>
      <c r="E30" s="108"/>
      <c r="F30" s="91">
        <v>693</v>
      </c>
      <c r="G30" s="91">
        <v>1497</v>
      </c>
      <c r="H30" s="92">
        <v>746</v>
      </c>
      <c r="I30" s="99">
        <v>751</v>
      </c>
      <c r="J30" s="94">
        <v>198</v>
      </c>
      <c r="K30" s="94">
        <v>1056</v>
      </c>
      <c r="L30" s="94">
        <v>237</v>
      </c>
      <c r="M30" s="95">
        <v>877</v>
      </c>
      <c r="N30" s="96">
        <v>258</v>
      </c>
      <c r="O30" s="277">
        <v>0</v>
      </c>
      <c r="P30" s="97">
        <v>58.8</v>
      </c>
      <c r="T30" s="64"/>
      <c r="U30" s="64"/>
      <c r="V30" s="64"/>
    </row>
    <row r="31" spans="2:22" s="11" customFormat="1" ht="16.5" customHeight="1">
      <c r="B31" s="87" t="s">
        <v>464</v>
      </c>
      <c r="C31" s="88" t="s">
        <v>26</v>
      </c>
      <c r="D31" s="257"/>
      <c r="E31" s="108"/>
      <c r="F31" s="91">
        <v>650</v>
      </c>
      <c r="G31" s="91">
        <v>1285</v>
      </c>
      <c r="H31" s="92">
        <v>643</v>
      </c>
      <c r="I31" s="99">
        <v>642</v>
      </c>
      <c r="J31" s="94">
        <v>120</v>
      </c>
      <c r="K31" s="94">
        <v>798</v>
      </c>
      <c r="L31" s="94">
        <v>364</v>
      </c>
      <c r="M31" s="95">
        <v>752</v>
      </c>
      <c r="N31" s="96">
        <v>150</v>
      </c>
      <c r="O31" s="277">
        <v>0</v>
      </c>
      <c r="P31" s="97">
        <v>58.7</v>
      </c>
      <c r="T31" s="64"/>
      <c r="U31" s="64"/>
      <c r="V31" s="64"/>
    </row>
    <row r="32" spans="2:22" s="11" customFormat="1" ht="16.5" customHeight="1">
      <c r="B32" s="87"/>
      <c r="C32" s="88" t="s">
        <v>27</v>
      </c>
      <c r="D32" s="257"/>
      <c r="E32" s="108"/>
      <c r="F32" s="91">
        <v>583</v>
      </c>
      <c r="G32" s="91">
        <v>1436</v>
      </c>
      <c r="H32" s="92">
        <v>683</v>
      </c>
      <c r="I32" s="99">
        <v>753</v>
      </c>
      <c r="J32" s="94">
        <v>246</v>
      </c>
      <c r="K32" s="94">
        <v>948</v>
      </c>
      <c r="L32" s="94">
        <v>242</v>
      </c>
      <c r="M32" s="95">
        <v>2410</v>
      </c>
      <c r="N32" s="96">
        <v>1540</v>
      </c>
      <c r="O32" s="277">
        <v>300</v>
      </c>
      <c r="P32" s="97">
        <v>167.8</v>
      </c>
      <c r="T32" s="64"/>
      <c r="U32" s="64"/>
      <c r="V32" s="64"/>
    </row>
    <row r="33" spans="2:22" s="11" customFormat="1" ht="16.5" customHeight="1">
      <c r="B33" s="87"/>
      <c r="C33" s="88" t="s">
        <v>28</v>
      </c>
      <c r="D33" s="257"/>
      <c r="E33" s="108"/>
      <c r="F33" s="91">
        <v>462</v>
      </c>
      <c r="G33" s="91">
        <v>988</v>
      </c>
      <c r="H33" s="92">
        <v>530</v>
      </c>
      <c r="I33" s="99">
        <v>458</v>
      </c>
      <c r="J33" s="94">
        <v>116</v>
      </c>
      <c r="K33" s="94">
        <v>732</v>
      </c>
      <c r="L33" s="94">
        <v>140</v>
      </c>
      <c r="M33" s="95">
        <v>1575</v>
      </c>
      <c r="N33" s="96">
        <v>1209</v>
      </c>
      <c r="O33" s="277">
        <v>0</v>
      </c>
      <c r="P33" s="97">
        <v>159.4</v>
      </c>
      <c r="T33" s="64"/>
      <c r="U33" s="64"/>
      <c r="V33" s="64"/>
    </row>
    <row r="34" spans="2:22" s="11" customFormat="1" ht="16.5" customHeight="1">
      <c r="B34" s="87" t="s">
        <v>465</v>
      </c>
      <c r="C34" s="88" t="s">
        <v>26</v>
      </c>
      <c r="D34" s="257"/>
      <c r="E34" s="108"/>
      <c r="F34" s="91">
        <v>478</v>
      </c>
      <c r="G34" s="91">
        <v>1118</v>
      </c>
      <c r="H34" s="92">
        <v>559</v>
      </c>
      <c r="I34" s="99">
        <v>559</v>
      </c>
      <c r="J34" s="94">
        <v>128</v>
      </c>
      <c r="K34" s="94">
        <v>726</v>
      </c>
      <c r="L34" s="94">
        <v>264</v>
      </c>
      <c r="M34" s="95">
        <v>1101</v>
      </c>
      <c r="N34" s="96">
        <v>600</v>
      </c>
      <c r="O34" s="277">
        <v>0</v>
      </c>
      <c r="P34" s="97">
        <v>98.5</v>
      </c>
      <c r="T34" s="64"/>
      <c r="U34" s="64"/>
      <c r="V34" s="64"/>
    </row>
    <row r="35" spans="2:22" s="11" customFormat="1" ht="16.5" customHeight="1">
      <c r="B35" s="87"/>
      <c r="C35" s="88" t="s">
        <v>27</v>
      </c>
      <c r="D35" s="257"/>
      <c r="E35" s="108"/>
      <c r="F35" s="91">
        <v>340</v>
      </c>
      <c r="G35" s="91">
        <v>851</v>
      </c>
      <c r="H35" s="92">
        <v>401</v>
      </c>
      <c r="I35" s="99">
        <v>450</v>
      </c>
      <c r="J35" s="94">
        <v>108</v>
      </c>
      <c r="K35" s="94">
        <v>602</v>
      </c>
      <c r="L35" s="94">
        <v>141</v>
      </c>
      <c r="M35" s="95">
        <v>922</v>
      </c>
      <c r="N35" s="96">
        <v>583</v>
      </c>
      <c r="O35" s="277">
        <v>0</v>
      </c>
      <c r="P35" s="97">
        <v>108.3</v>
      </c>
      <c r="T35" s="64"/>
      <c r="U35" s="64"/>
      <c r="V35" s="64"/>
    </row>
    <row r="36" spans="2:22" s="11" customFormat="1" ht="16.5" customHeight="1">
      <c r="B36" s="87"/>
      <c r="C36" s="88" t="s">
        <v>28</v>
      </c>
      <c r="D36" s="257"/>
      <c r="E36" s="108"/>
      <c r="F36" s="91">
        <v>190</v>
      </c>
      <c r="G36" s="91">
        <v>478</v>
      </c>
      <c r="H36" s="92">
        <v>233</v>
      </c>
      <c r="I36" s="99">
        <v>245</v>
      </c>
      <c r="J36" s="94">
        <v>76</v>
      </c>
      <c r="K36" s="94">
        <v>321</v>
      </c>
      <c r="L36" s="94">
        <v>81</v>
      </c>
      <c r="M36" s="95">
        <v>840</v>
      </c>
      <c r="N36" s="96">
        <v>665</v>
      </c>
      <c r="O36" s="277">
        <v>0</v>
      </c>
      <c r="P36" s="97">
        <v>175.7</v>
      </c>
      <c r="T36" s="64"/>
      <c r="U36" s="64"/>
      <c r="V36" s="64"/>
    </row>
    <row r="37" spans="2:22" s="11" customFormat="1" ht="16.5" customHeight="1">
      <c r="B37" s="87" t="s">
        <v>466</v>
      </c>
      <c r="C37" s="88" t="s">
        <v>26</v>
      </c>
      <c r="D37" s="257"/>
      <c r="E37" s="108"/>
      <c r="F37" s="91">
        <v>1839</v>
      </c>
      <c r="G37" s="91">
        <v>4062</v>
      </c>
      <c r="H37" s="92">
        <v>1885</v>
      </c>
      <c r="I37" s="99">
        <v>2177</v>
      </c>
      <c r="J37" s="94">
        <v>585</v>
      </c>
      <c r="K37" s="94">
        <v>2451</v>
      </c>
      <c r="L37" s="94">
        <v>885</v>
      </c>
      <c r="M37" s="95">
        <v>4831</v>
      </c>
      <c r="N37" s="96">
        <v>1229</v>
      </c>
      <c r="O37" s="96">
        <v>1556</v>
      </c>
      <c r="P37" s="97">
        <v>123.2</v>
      </c>
      <c r="T37" s="64"/>
      <c r="U37" s="64"/>
      <c r="V37" s="64"/>
    </row>
    <row r="38" spans="2:22" s="11" customFormat="1" ht="16.5" customHeight="1">
      <c r="B38" s="87"/>
      <c r="C38" s="88" t="s">
        <v>27</v>
      </c>
      <c r="D38" s="257"/>
      <c r="E38" s="108"/>
      <c r="F38" s="91">
        <v>586</v>
      </c>
      <c r="G38" s="91">
        <v>1478</v>
      </c>
      <c r="H38" s="92">
        <v>715</v>
      </c>
      <c r="I38" s="99">
        <v>763</v>
      </c>
      <c r="J38" s="94">
        <v>157</v>
      </c>
      <c r="K38" s="94">
        <v>977</v>
      </c>
      <c r="L38" s="94">
        <v>338</v>
      </c>
      <c r="M38" s="95">
        <v>1654</v>
      </c>
      <c r="N38" s="96">
        <v>1045</v>
      </c>
      <c r="O38" s="277">
        <v>0</v>
      </c>
      <c r="P38" s="97">
        <v>112.4</v>
      </c>
      <c r="T38" s="64"/>
      <c r="U38" s="64"/>
      <c r="V38" s="64"/>
    </row>
    <row r="39" spans="2:22" s="11" customFormat="1" ht="16.5" customHeight="1">
      <c r="B39" s="87"/>
      <c r="C39" s="88" t="s">
        <v>28</v>
      </c>
      <c r="D39" s="257"/>
      <c r="E39" s="108"/>
      <c r="F39" s="91">
        <v>1952</v>
      </c>
      <c r="G39" s="91">
        <v>4499</v>
      </c>
      <c r="H39" s="92">
        <v>2222</v>
      </c>
      <c r="I39" s="99">
        <v>2277</v>
      </c>
      <c r="J39" s="94">
        <v>845</v>
      </c>
      <c r="K39" s="94">
        <v>3192</v>
      </c>
      <c r="L39" s="94">
        <v>462</v>
      </c>
      <c r="M39" s="95">
        <v>3416</v>
      </c>
      <c r="N39" s="96">
        <v>1449</v>
      </c>
      <c r="O39" s="277">
        <v>0</v>
      </c>
      <c r="P39" s="97">
        <v>75.900000000000006</v>
      </c>
      <c r="T39" s="64"/>
      <c r="U39" s="64"/>
      <c r="V39" s="64"/>
    </row>
    <row r="40" spans="2:22" s="11" customFormat="1" ht="16.5" customHeight="1">
      <c r="B40" s="87"/>
      <c r="C40" s="88" t="s">
        <v>29</v>
      </c>
      <c r="D40" s="257"/>
      <c r="E40" s="108"/>
      <c r="F40" s="91">
        <v>1209</v>
      </c>
      <c r="G40" s="91">
        <v>2828</v>
      </c>
      <c r="H40" s="92">
        <v>1425</v>
      </c>
      <c r="I40" s="99">
        <v>1403</v>
      </c>
      <c r="J40" s="94">
        <v>348</v>
      </c>
      <c r="K40" s="94">
        <v>1872</v>
      </c>
      <c r="L40" s="94">
        <v>608</v>
      </c>
      <c r="M40" s="95">
        <v>2094</v>
      </c>
      <c r="N40" s="96">
        <v>886</v>
      </c>
      <c r="O40" s="277">
        <v>0</v>
      </c>
      <c r="P40" s="97">
        <v>74</v>
      </c>
      <c r="T40" s="64"/>
      <c r="U40" s="64"/>
      <c r="V40" s="64"/>
    </row>
    <row r="41" spans="2:22" s="11" customFormat="1" ht="16.5" customHeight="1">
      <c r="B41" s="87" t="s">
        <v>467</v>
      </c>
      <c r="C41" s="88" t="s">
        <v>26</v>
      </c>
      <c r="D41" s="257"/>
      <c r="E41" s="108"/>
      <c r="F41" s="91">
        <v>538</v>
      </c>
      <c r="G41" s="91">
        <v>1227</v>
      </c>
      <c r="H41" s="92">
        <v>603</v>
      </c>
      <c r="I41" s="99">
        <v>624</v>
      </c>
      <c r="J41" s="94">
        <v>158</v>
      </c>
      <c r="K41" s="94">
        <v>752</v>
      </c>
      <c r="L41" s="94">
        <v>317</v>
      </c>
      <c r="M41" s="95">
        <v>972</v>
      </c>
      <c r="N41" s="96">
        <v>385</v>
      </c>
      <c r="O41" s="96">
        <v>0</v>
      </c>
      <c r="P41" s="97">
        <v>79.2</v>
      </c>
      <c r="T41" s="64"/>
      <c r="U41" s="64"/>
      <c r="V41" s="64"/>
    </row>
    <row r="42" spans="2:22" s="11" customFormat="1" ht="16.5" customHeight="1">
      <c r="B42" s="87"/>
      <c r="C42" s="88" t="s">
        <v>27</v>
      </c>
      <c r="D42" s="257"/>
      <c r="E42" s="108"/>
      <c r="F42" s="91">
        <v>849</v>
      </c>
      <c r="G42" s="91">
        <v>1796</v>
      </c>
      <c r="H42" s="92">
        <v>871</v>
      </c>
      <c r="I42" s="99">
        <v>925</v>
      </c>
      <c r="J42" s="94">
        <v>228</v>
      </c>
      <c r="K42" s="94">
        <v>1120</v>
      </c>
      <c r="L42" s="94">
        <v>387</v>
      </c>
      <c r="M42" s="95">
        <v>1463</v>
      </c>
      <c r="N42" s="96">
        <v>678</v>
      </c>
      <c r="O42" s="277">
        <v>0</v>
      </c>
      <c r="P42" s="97">
        <v>84.3</v>
      </c>
      <c r="T42" s="64"/>
      <c r="U42" s="64"/>
      <c r="V42" s="64"/>
    </row>
    <row r="43" spans="2:22" s="11" customFormat="1" ht="16.5" customHeight="1">
      <c r="B43" s="87"/>
      <c r="C43" s="88" t="s">
        <v>28</v>
      </c>
      <c r="D43" s="257"/>
      <c r="E43" s="108"/>
      <c r="F43" s="91">
        <v>259</v>
      </c>
      <c r="G43" s="91">
        <v>667</v>
      </c>
      <c r="H43" s="92">
        <v>327</v>
      </c>
      <c r="I43" s="99">
        <v>340</v>
      </c>
      <c r="J43" s="94">
        <v>74</v>
      </c>
      <c r="K43" s="94">
        <v>457</v>
      </c>
      <c r="L43" s="94">
        <v>136</v>
      </c>
      <c r="M43" s="95">
        <v>1432</v>
      </c>
      <c r="N43" s="96">
        <v>1178</v>
      </c>
      <c r="O43" s="277">
        <v>0</v>
      </c>
      <c r="P43" s="97">
        <v>214.7</v>
      </c>
      <c r="T43" s="64"/>
      <c r="U43" s="64"/>
      <c r="V43" s="64"/>
    </row>
    <row r="44" spans="2:22" s="11" customFormat="1" ht="16.5" customHeight="1">
      <c r="B44" s="87" t="s">
        <v>468</v>
      </c>
      <c r="C44" s="88" t="s">
        <v>26</v>
      </c>
      <c r="D44" s="257"/>
      <c r="E44" s="108"/>
      <c r="F44" s="91">
        <v>358</v>
      </c>
      <c r="G44" s="91">
        <v>812</v>
      </c>
      <c r="H44" s="92">
        <v>404</v>
      </c>
      <c r="I44" s="99">
        <v>408</v>
      </c>
      <c r="J44" s="94">
        <v>98</v>
      </c>
      <c r="K44" s="94">
        <v>513</v>
      </c>
      <c r="L44" s="94">
        <v>159</v>
      </c>
      <c r="M44" s="95">
        <v>1146</v>
      </c>
      <c r="N44" s="96">
        <v>448</v>
      </c>
      <c r="O44" s="277">
        <v>380</v>
      </c>
      <c r="P44" s="97">
        <v>148.80000000000001</v>
      </c>
      <c r="T44" s="64"/>
      <c r="U44" s="64"/>
      <c r="V44" s="64"/>
    </row>
    <row r="45" spans="2:22" s="11" customFormat="1" ht="16.5" customHeight="1">
      <c r="B45" s="87"/>
      <c r="C45" s="88" t="s">
        <v>27</v>
      </c>
      <c r="D45" s="257"/>
      <c r="E45" s="108"/>
      <c r="F45" s="91">
        <v>599</v>
      </c>
      <c r="G45" s="91">
        <v>1267</v>
      </c>
      <c r="H45" s="92">
        <v>649</v>
      </c>
      <c r="I45" s="99">
        <v>618</v>
      </c>
      <c r="J45" s="94">
        <v>131</v>
      </c>
      <c r="K45" s="94">
        <v>810</v>
      </c>
      <c r="L45" s="94">
        <v>293</v>
      </c>
      <c r="M45" s="95">
        <v>1335</v>
      </c>
      <c r="N45" s="96">
        <v>809</v>
      </c>
      <c r="O45" s="277">
        <v>0</v>
      </c>
      <c r="P45" s="97">
        <v>108.2</v>
      </c>
      <c r="T45" s="64"/>
      <c r="U45" s="64"/>
      <c r="V45" s="64"/>
    </row>
    <row r="46" spans="2:22" s="11" customFormat="1" ht="15.75" customHeight="1">
      <c r="B46" s="87"/>
      <c r="C46" s="88" t="s">
        <v>28</v>
      </c>
      <c r="D46" s="257"/>
      <c r="E46" s="108"/>
      <c r="F46" s="91">
        <v>169</v>
      </c>
      <c r="G46" s="91">
        <v>375</v>
      </c>
      <c r="H46" s="92">
        <v>199</v>
      </c>
      <c r="I46" s="99">
        <v>176</v>
      </c>
      <c r="J46" s="94">
        <v>33</v>
      </c>
      <c r="K46" s="94">
        <v>265</v>
      </c>
      <c r="L46" s="94">
        <v>70</v>
      </c>
      <c r="M46" s="95">
        <v>995</v>
      </c>
      <c r="N46" s="96">
        <v>873</v>
      </c>
      <c r="O46" s="277">
        <v>0</v>
      </c>
      <c r="P46" s="97">
        <v>270.39999999999998</v>
      </c>
      <c r="T46" s="64"/>
      <c r="U46" s="64"/>
      <c r="V46" s="64"/>
    </row>
    <row r="47" spans="2:22" s="11" customFormat="1" ht="15.75" customHeight="1">
      <c r="B47" s="87" t="s">
        <v>469</v>
      </c>
      <c r="C47" s="88" t="s">
        <v>26</v>
      </c>
      <c r="D47" s="257"/>
      <c r="E47" s="108"/>
      <c r="F47" s="91">
        <v>925</v>
      </c>
      <c r="G47" s="91">
        <v>1889</v>
      </c>
      <c r="H47" s="92">
        <v>940</v>
      </c>
      <c r="I47" s="99">
        <v>949</v>
      </c>
      <c r="J47" s="94">
        <v>160</v>
      </c>
      <c r="K47" s="94">
        <v>1214</v>
      </c>
      <c r="L47" s="94">
        <v>472</v>
      </c>
      <c r="M47" s="95">
        <v>1514</v>
      </c>
      <c r="N47" s="96">
        <v>748</v>
      </c>
      <c r="O47" s="277">
        <v>0</v>
      </c>
      <c r="P47" s="97">
        <v>82</v>
      </c>
      <c r="T47" s="64"/>
      <c r="U47" s="64"/>
      <c r="V47" s="64"/>
    </row>
    <row r="48" spans="2:22" s="11" customFormat="1" ht="15.75" customHeight="1">
      <c r="B48" s="87"/>
      <c r="C48" s="88" t="s">
        <v>27</v>
      </c>
      <c r="D48" s="257"/>
      <c r="E48" s="108"/>
      <c r="F48" s="91">
        <v>724</v>
      </c>
      <c r="G48" s="91">
        <v>1720</v>
      </c>
      <c r="H48" s="92">
        <v>874</v>
      </c>
      <c r="I48" s="99">
        <v>846</v>
      </c>
      <c r="J48" s="94">
        <v>215</v>
      </c>
      <c r="K48" s="94">
        <v>1122</v>
      </c>
      <c r="L48" s="94">
        <v>321</v>
      </c>
      <c r="M48" s="95">
        <v>1362</v>
      </c>
      <c r="N48" s="96">
        <v>663</v>
      </c>
      <c r="O48" s="277">
        <v>0</v>
      </c>
      <c r="P48" s="97">
        <v>82.1</v>
      </c>
      <c r="T48" s="64"/>
      <c r="U48" s="64"/>
      <c r="V48" s="64"/>
    </row>
    <row r="49" spans="1:22" s="11" customFormat="1" ht="15.75" customHeight="1">
      <c r="B49" s="87"/>
      <c r="C49" s="88" t="s">
        <v>28</v>
      </c>
      <c r="D49" s="257"/>
      <c r="E49" s="108"/>
      <c r="F49" s="91">
        <v>53</v>
      </c>
      <c r="G49" s="91">
        <v>124</v>
      </c>
      <c r="H49" s="92">
        <v>56</v>
      </c>
      <c r="I49" s="99">
        <v>68</v>
      </c>
      <c r="J49" s="94">
        <v>13</v>
      </c>
      <c r="K49" s="94">
        <v>87</v>
      </c>
      <c r="L49" s="94">
        <v>24</v>
      </c>
      <c r="M49" s="95">
        <v>566</v>
      </c>
      <c r="N49" s="96">
        <v>519</v>
      </c>
      <c r="O49" s="277">
        <v>0</v>
      </c>
      <c r="P49" s="97">
        <v>456.5</v>
      </c>
      <c r="T49" s="64"/>
      <c r="U49" s="64"/>
      <c r="V49" s="64"/>
    </row>
    <row r="50" spans="1:22" s="11" customFormat="1" ht="15.75" customHeight="1">
      <c r="B50" s="87" t="s">
        <v>470</v>
      </c>
      <c r="C50" s="88" t="s">
        <v>26</v>
      </c>
      <c r="D50" s="257"/>
      <c r="E50" s="108"/>
      <c r="F50" s="91">
        <v>749</v>
      </c>
      <c r="G50" s="91">
        <v>1158</v>
      </c>
      <c r="H50" s="92">
        <v>733</v>
      </c>
      <c r="I50" s="92">
        <v>425</v>
      </c>
      <c r="J50" s="123">
        <v>71</v>
      </c>
      <c r="K50" s="94">
        <v>879</v>
      </c>
      <c r="L50" s="94">
        <v>204</v>
      </c>
      <c r="M50" s="95">
        <v>629</v>
      </c>
      <c r="N50" s="134">
        <v>187</v>
      </c>
      <c r="O50" s="277">
        <v>0</v>
      </c>
      <c r="P50" s="97">
        <v>54.5</v>
      </c>
      <c r="T50" s="64"/>
      <c r="U50" s="64"/>
      <c r="V50" s="64"/>
    </row>
    <row r="51" spans="1:22" s="11" customFormat="1" ht="15.75" customHeight="1">
      <c r="B51" s="87"/>
      <c r="C51" s="88" t="s">
        <v>27</v>
      </c>
      <c r="D51" s="257"/>
      <c r="E51" s="259"/>
      <c r="F51" s="91">
        <v>919</v>
      </c>
      <c r="G51" s="91">
        <v>2277</v>
      </c>
      <c r="H51" s="92">
        <v>1149</v>
      </c>
      <c r="I51" s="92">
        <v>1128</v>
      </c>
      <c r="J51" s="123">
        <v>411</v>
      </c>
      <c r="K51" s="94">
        <v>1484</v>
      </c>
      <c r="L51" s="94">
        <v>277</v>
      </c>
      <c r="M51" s="95">
        <v>2263</v>
      </c>
      <c r="N51" s="134">
        <v>1363</v>
      </c>
      <c r="O51" s="277">
        <v>0</v>
      </c>
      <c r="P51" s="97">
        <v>104.2</v>
      </c>
      <c r="T51" s="64"/>
      <c r="U51" s="64"/>
      <c r="V51" s="64"/>
    </row>
    <row r="52" spans="1:22" s="11" customFormat="1" ht="15.75" customHeight="1">
      <c r="B52" s="87" t="s">
        <v>471</v>
      </c>
      <c r="C52" s="88" t="s">
        <v>26</v>
      </c>
      <c r="D52" s="257"/>
      <c r="E52" s="259"/>
      <c r="F52" s="91">
        <v>1026</v>
      </c>
      <c r="G52" s="91">
        <v>2368</v>
      </c>
      <c r="H52" s="92">
        <v>1197</v>
      </c>
      <c r="I52" s="92">
        <v>1171</v>
      </c>
      <c r="J52" s="123">
        <v>429</v>
      </c>
      <c r="K52" s="94">
        <v>1684</v>
      </c>
      <c r="L52" s="94">
        <v>231</v>
      </c>
      <c r="M52" s="95">
        <v>2434</v>
      </c>
      <c r="N52" s="134">
        <v>1150</v>
      </c>
      <c r="O52" s="96">
        <v>387</v>
      </c>
      <c r="P52" s="97">
        <v>103.8</v>
      </c>
      <c r="T52" s="64"/>
      <c r="U52" s="64"/>
      <c r="V52" s="64"/>
    </row>
    <row r="53" spans="1:22" s="11" customFormat="1" ht="15.75" customHeight="1">
      <c r="A53" s="66"/>
      <c r="B53" s="110" t="s">
        <v>123</v>
      </c>
      <c r="C53" s="111" t="s">
        <v>27</v>
      </c>
      <c r="D53" s="260"/>
      <c r="E53" s="261"/>
      <c r="F53" s="115">
        <v>602</v>
      </c>
      <c r="G53" s="115">
        <v>1429</v>
      </c>
      <c r="H53" s="116">
        <v>692</v>
      </c>
      <c r="I53" s="116">
        <v>737</v>
      </c>
      <c r="J53" s="127">
        <v>221</v>
      </c>
      <c r="K53" s="118">
        <v>981</v>
      </c>
      <c r="L53" s="118">
        <v>227</v>
      </c>
      <c r="M53" s="119">
        <v>1290</v>
      </c>
      <c r="N53" s="128">
        <v>707</v>
      </c>
      <c r="O53" s="280">
        <v>0</v>
      </c>
      <c r="P53" s="122">
        <v>90.3</v>
      </c>
      <c r="T53" s="64"/>
      <c r="U53" s="64"/>
      <c r="V53" s="64"/>
    </row>
    <row r="54" spans="1:22" s="11" customFormat="1" ht="15.75" customHeight="1">
      <c r="B54" s="87" t="s">
        <v>472</v>
      </c>
      <c r="C54" s="88" t="s">
        <v>26</v>
      </c>
      <c r="D54" s="257"/>
      <c r="E54" s="108"/>
      <c r="F54" s="91">
        <v>1086</v>
      </c>
      <c r="G54" s="91">
        <v>2638</v>
      </c>
      <c r="H54" s="92">
        <v>1289</v>
      </c>
      <c r="I54" s="99">
        <v>1349</v>
      </c>
      <c r="J54" s="94">
        <v>386</v>
      </c>
      <c r="K54" s="94">
        <v>1890</v>
      </c>
      <c r="L54" s="94">
        <v>300</v>
      </c>
      <c r="M54" s="95">
        <v>2953</v>
      </c>
      <c r="N54" s="96">
        <v>1564</v>
      </c>
      <c r="O54" s="96">
        <v>511</v>
      </c>
      <c r="P54" s="97">
        <v>114.6</v>
      </c>
      <c r="Q54" s="44"/>
      <c r="R54" s="44"/>
      <c r="S54" s="44"/>
    </row>
    <row r="55" spans="1:22" s="11" customFormat="1" ht="15.75" customHeight="1">
      <c r="A55" s="12"/>
      <c r="B55" s="136"/>
      <c r="C55" s="137" t="s">
        <v>27</v>
      </c>
      <c r="D55" s="286"/>
      <c r="E55" s="108"/>
      <c r="F55" s="91">
        <v>1095</v>
      </c>
      <c r="G55" s="91">
        <v>2435</v>
      </c>
      <c r="H55" s="92">
        <v>1262</v>
      </c>
      <c r="I55" s="99">
        <v>1173</v>
      </c>
      <c r="J55" s="94">
        <v>349</v>
      </c>
      <c r="K55" s="94">
        <v>1714</v>
      </c>
      <c r="L55" s="94">
        <v>342</v>
      </c>
      <c r="M55" s="95">
        <v>1565</v>
      </c>
      <c r="N55" s="96">
        <v>689</v>
      </c>
      <c r="O55" s="277">
        <v>0</v>
      </c>
      <c r="P55" s="97">
        <v>65.099999999999994</v>
      </c>
      <c r="Q55" s="44"/>
      <c r="R55" s="44"/>
      <c r="S55" s="44"/>
    </row>
    <row r="56" spans="1:22" s="11" customFormat="1" ht="15.75" customHeight="1">
      <c r="A56" s="12"/>
      <c r="B56" s="136"/>
      <c r="C56" s="137" t="s">
        <v>28</v>
      </c>
      <c r="D56" s="286"/>
      <c r="E56" s="108"/>
      <c r="F56" s="91">
        <v>478</v>
      </c>
      <c r="G56" s="91">
        <v>1004</v>
      </c>
      <c r="H56" s="92">
        <v>461</v>
      </c>
      <c r="I56" s="99">
        <v>543</v>
      </c>
      <c r="J56" s="94">
        <v>127</v>
      </c>
      <c r="K56" s="94">
        <v>745</v>
      </c>
      <c r="L56" s="94">
        <v>112</v>
      </c>
      <c r="M56" s="95">
        <v>1552</v>
      </c>
      <c r="N56" s="96">
        <v>1054</v>
      </c>
      <c r="O56" s="277">
        <v>0</v>
      </c>
      <c r="P56" s="97">
        <v>157.69999999999999</v>
      </c>
      <c r="Q56" s="44"/>
      <c r="R56" s="44"/>
      <c r="S56" s="44"/>
    </row>
    <row r="57" spans="1:22" s="11" customFormat="1" ht="15.75" customHeight="1">
      <c r="A57" s="12"/>
      <c r="B57" s="136"/>
      <c r="C57" s="88" t="s">
        <v>29</v>
      </c>
      <c r="D57" s="257"/>
      <c r="E57" s="108"/>
      <c r="F57" s="91">
        <v>1130</v>
      </c>
      <c r="G57" s="91">
        <v>2772</v>
      </c>
      <c r="H57" s="92">
        <v>1244</v>
      </c>
      <c r="I57" s="99">
        <v>1528</v>
      </c>
      <c r="J57" s="94">
        <v>390</v>
      </c>
      <c r="K57" s="94">
        <v>1931</v>
      </c>
      <c r="L57" s="94">
        <v>451</v>
      </c>
      <c r="M57" s="95">
        <v>1507</v>
      </c>
      <c r="N57" s="96">
        <v>310</v>
      </c>
      <c r="O57" s="277">
        <v>0</v>
      </c>
      <c r="P57" s="97">
        <v>54.4</v>
      </c>
      <c r="Q57" s="44"/>
      <c r="R57" s="44"/>
      <c r="S57" s="44"/>
    </row>
    <row r="58" spans="1:22" s="11" customFormat="1" ht="15.75" customHeight="1">
      <c r="B58" s="87"/>
      <c r="C58" s="88" t="s">
        <v>30</v>
      </c>
      <c r="D58" s="257"/>
      <c r="E58" s="108"/>
      <c r="F58" s="91">
        <v>975</v>
      </c>
      <c r="G58" s="91">
        <v>1997</v>
      </c>
      <c r="H58" s="92">
        <v>976</v>
      </c>
      <c r="I58" s="99">
        <v>1021</v>
      </c>
      <c r="J58" s="94">
        <v>267</v>
      </c>
      <c r="K58" s="94">
        <v>1336</v>
      </c>
      <c r="L58" s="94">
        <v>360</v>
      </c>
      <c r="M58" s="95">
        <v>1365</v>
      </c>
      <c r="N58" s="96">
        <v>489</v>
      </c>
      <c r="O58" s="277">
        <v>0</v>
      </c>
      <c r="P58" s="97">
        <v>69.5</v>
      </c>
      <c r="Q58" s="44"/>
      <c r="R58" s="44"/>
      <c r="S58" s="44"/>
    </row>
    <row r="59" spans="1:22" s="11" customFormat="1" ht="15.75" customHeight="1">
      <c r="B59" s="87"/>
      <c r="C59" s="88" t="s">
        <v>31</v>
      </c>
      <c r="D59" s="257"/>
      <c r="E59" s="108"/>
      <c r="F59" s="91">
        <v>906</v>
      </c>
      <c r="G59" s="91">
        <v>2002</v>
      </c>
      <c r="H59" s="92">
        <v>1025</v>
      </c>
      <c r="I59" s="99">
        <v>977</v>
      </c>
      <c r="J59" s="94">
        <v>254</v>
      </c>
      <c r="K59" s="94">
        <v>1390</v>
      </c>
      <c r="L59" s="94">
        <v>252</v>
      </c>
      <c r="M59" s="95">
        <v>1050</v>
      </c>
      <c r="N59" s="96">
        <v>379</v>
      </c>
      <c r="O59" s="277">
        <v>0</v>
      </c>
      <c r="P59" s="97">
        <v>55.4</v>
      </c>
      <c r="Q59" s="44"/>
      <c r="R59" s="44"/>
      <c r="S59" s="44"/>
    </row>
    <row r="60" spans="1:22" s="11" customFormat="1" ht="15.75" customHeight="1">
      <c r="B60" s="87" t="s">
        <v>473</v>
      </c>
      <c r="C60" s="88" t="s">
        <v>26</v>
      </c>
      <c r="D60" s="257"/>
      <c r="E60" s="108"/>
      <c r="F60" s="91">
        <v>2018</v>
      </c>
      <c r="G60" s="91">
        <v>4720</v>
      </c>
      <c r="H60" s="92">
        <v>2223</v>
      </c>
      <c r="I60" s="99">
        <v>2497</v>
      </c>
      <c r="J60" s="94">
        <v>555</v>
      </c>
      <c r="K60" s="94">
        <v>3285</v>
      </c>
      <c r="L60" s="94">
        <v>880</v>
      </c>
      <c r="M60" s="95">
        <v>3207</v>
      </c>
      <c r="N60" s="96">
        <v>798</v>
      </c>
      <c r="O60" s="96">
        <v>416</v>
      </c>
      <c r="P60" s="97">
        <v>67.900000000000006</v>
      </c>
      <c r="Q60" s="44"/>
      <c r="R60" s="44"/>
      <c r="S60" s="44"/>
    </row>
    <row r="61" spans="1:22" s="11" customFormat="1" ht="15.75" customHeight="1">
      <c r="B61" s="87"/>
      <c r="C61" s="88" t="s">
        <v>27</v>
      </c>
      <c r="D61" s="257"/>
      <c r="E61" s="108"/>
      <c r="F61" s="91">
        <v>1422</v>
      </c>
      <c r="G61" s="91">
        <v>3173</v>
      </c>
      <c r="H61" s="92">
        <v>1383</v>
      </c>
      <c r="I61" s="99">
        <v>1790</v>
      </c>
      <c r="J61" s="94">
        <v>321</v>
      </c>
      <c r="K61" s="94">
        <v>2235</v>
      </c>
      <c r="L61" s="94">
        <v>601</v>
      </c>
      <c r="M61" s="95">
        <v>2695</v>
      </c>
      <c r="N61" s="96">
        <v>1192</v>
      </c>
      <c r="O61" s="96">
        <v>230</v>
      </c>
      <c r="P61" s="97">
        <v>85.4</v>
      </c>
      <c r="Q61" s="44"/>
      <c r="R61" s="44"/>
      <c r="S61" s="44"/>
    </row>
    <row r="62" spans="1:22" s="11" customFormat="1" ht="15.75" customHeight="1">
      <c r="B62" s="87"/>
      <c r="C62" s="88" t="s">
        <v>28</v>
      </c>
      <c r="D62" s="257"/>
      <c r="E62" s="108"/>
      <c r="F62" s="91">
        <v>933</v>
      </c>
      <c r="G62" s="91">
        <v>2065</v>
      </c>
      <c r="H62" s="92">
        <v>933</v>
      </c>
      <c r="I62" s="99">
        <v>1132</v>
      </c>
      <c r="J62" s="94">
        <v>235</v>
      </c>
      <c r="K62" s="94">
        <v>1323</v>
      </c>
      <c r="L62" s="94">
        <v>496</v>
      </c>
      <c r="M62" s="95">
        <v>2691</v>
      </c>
      <c r="N62" s="96">
        <v>773</v>
      </c>
      <c r="O62" s="96">
        <v>1036</v>
      </c>
      <c r="P62" s="97">
        <v>131</v>
      </c>
      <c r="Q62" s="44"/>
      <c r="R62" s="44"/>
      <c r="S62" s="44"/>
    </row>
    <row r="63" spans="1:22" s="11" customFormat="1" ht="15.75" customHeight="1">
      <c r="B63" s="87" t="s">
        <v>474</v>
      </c>
      <c r="C63" s="88" t="s">
        <v>26</v>
      </c>
      <c r="D63" s="257"/>
      <c r="E63" s="108"/>
      <c r="F63" s="91">
        <v>2167</v>
      </c>
      <c r="G63" s="91">
        <v>4029</v>
      </c>
      <c r="H63" s="92">
        <v>1961</v>
      </c>
      <c r="I63" s="99">
        <v>2068</v>
      </c>
      <c r="J63" s="94">
        <v>325</v>
      </c>
      <c r="K63" s="94">
        <v>2860</v>
      </c>
      <c r="L63" s="94">
        <v>844</v>
      </c>
      <c r="M63" s="95">
        <v>3582</v>
      </c>
      <c r="N63" s="96">
        <v>1397</v>
      </c>
      <c r="O63" s="96">
        <v>347</v>
      </c>
      <c r="P63" s="97">
        <v>88.9</v>
      </c>
      <c r="Q63" s="44"/>
      <c r="R63" s="44"/>
      <c r="S63" s="44"/>
    </row>
    <row r="64" spans="1:22" s="11" customFormat="1" ht="15.75" customHeight="1">
      <c r="B64" s="87"/>
      <c r="C64" s="88" t="s">
        <v>27</v>
      </c>
      <c r="D64" s="257"/>
      <c r="E64" s="108"/>
      <c r="F64" s="91">
        <v>765</v>
      </c>
      <c r="G64" s="91">
        <v>1721</v>
      </c>
      <c r="H64" s="92">
        <v>810</v>
      </c>
      <c r="I64" s="99">
        <v>911</v>
      </c>
      <c r="J64" s="94">
        <v>219</v>
      </c>
      <c r="K64" s="94">
        <v>1046</v>
      </c>
      <c r="L64" s="94">
        <v>450</v>
      </c>
      <c r="M64" s="95">
        <v>1845</v>
      </c>
      <c r="N64" s="96">
        <v>430</v>
      </c>
      <c r="O64" s="96">
        <v>640</v>
      </c>
      <c r="P64" s="97">
        <v>107.6</v>
      </c>
      <c r="Q64" s="44"/>
      <c r="R64" s="44"/>
      <c r="S64" s="44"/>
    </row>
    <row r="65" spans="2:19" s="11" customFormat="1" ht="15.75" customHeight="1">
      <c r="B65" s="87"/>
      <c r="C65" s="88" t="s">
        <v>28</v>
      </c>
      <c r="D65" s="257"/>
      <c r="E65" s="108"/>
      <c r="F65" s="91">
        <v>888</v>
      </c>
      <c r="G65" s="91">
        <v>1773</v>
      </c>
      <c r="H65" s="92">
        <v>880</v>
      </c>
      <c r="I65" s="99">
        <v>893</v>
      </c>
      <c r="J65" s="94">
        <v>135</v>
      </c>
      <c r="K65" s="94">
        <v>1143</v>
      </c>
      <c r="L65" s="94">
        <v>493</v>
      </c>
      <c r="M65" s="95">
        <v>1288</v>
      </c>
      <c r="N65" s="96">
        <v>514</v>
      </c>
      <c r="O65" s="277">
        <v>0</v>
      </c>
      <c r="P65" s="97">
        <v>72.7</v>
      </c>
      <c r="Q65" s="44"/>
      <c r="R65" s="44"/>
      <c r="S65" s="44"/>
    </row>
    <row r="66" spans="2:19" s="11" customFormat="1" ht="15.75" customHeight="1">
      <c r="B66" s="136"/>
      <c r="C66" s="137" t="s">
        <v>29</v>
      </c>
      <c r="D66" s="286"/>
      <c r="E66" s="108"/>
      <c r="F66" s="91">
        <v>976</v>
      </c>
      <c r="G66" s="91">
        <v>2157</v>
      </c>
      <c r="H66" s="92">
        <v>1091</v>
      </c>
      <c r="I66" s="99">
        <v>1066</v>
      </c>
      <c r="J66" s="94">
        <v>334</v>
      </c>
      <c r="K66" s="94">
        <v>1481</v>
      </c>
      <c r="L66" s="94">
        <v>312</v>
      </c>
      <c r="M66" s="95">
        <v>1904</v>
      </c>
      <c r="N66" s="96">
        <v>929</v>
      </c>
      <c r="O66" s="277">
        <v>0</v>
      </c>
      <c r="P66" s="97">
        <v>89.5</v>
      </c>
      <c r="Q66" s="44"/>
      <c r="R66" s="44"/>
      <c r="S66" s="44"/>
    </row>
    <row r="67" spans="2:19" s="11" customFormat="1" ht="15.75" customHeight="1">
      <c r="B67" s="136" t="s">
        <v>475</v>
      </c>
      <c r="C67" s="137" t="s">
        <v>26</v>
      </c>
      <c r="D67" s="286"/>
      <c r="E67" s="108"/>
      <c r="F67" s="91">
        <v>1118</v>
      </c>
      <c r="G67" s="91">
        <v>2521</v>
      </c>
      <c r="H67" s="92">
        <v>1215</v>
      </c>
      <c r="I67" s="99">
        <v>1306</v>
      </c>
      <c r="J67" s="94">
        <v>275</v>
      </c>
      <c r="K67" s="94">
        <v>1767</v>
      </c>
      <c r="L67" s="94">
        <v>479</v>
      </c>
      <c r="M67" s="95">
        <v>1864</v>
      </c>
      <c r="N67" s="96">
        <v>439</v>
      </c>
      <c r="O67" s="96">
        <v>363</v>
      </c>
      <c r="P67" s="97">
        <v>73.900000000000006</v>
      </c>
      <c r="Q67" s="44"/>
      <c r="R67" s="44"/>
      <c r="S67" s="44"/>
    </row>
    <row r="68" spans="2:19" s="11" customFormat="1" ht="15.75" customHeight="1">
      <c r="B68" s="87"/>
      <c r="C68" s="88" t="s">
        <v>27</v>
      </c>
      <c r="D68" s="257"/>
      <c r="E68" s="108"/>
      <c r="F68" s="91">
        <v>979</v>
      </c>
      <c r="G68" s="91">
        <v>2238</v>
      </c>
      <c r="H68" s="92">
        <v>1121</v>
      </c>
      <c r="I68" s="99">
        <v>1117</v>
      </c>
      <c r="J68" s="94">
        <v>347</v>
      </c>
      <c r="K68" s="94">
        <v>1436</v>
      </c>
      <c r="L68" s="94">
        <v>453</v>
      </c>
      <c r="M68" s="95">
        <v>1449</v>
      </c>
      <c r="N68" s="96">
        <v>446</v>
      </c>
      <c r="O68" s="277">
        <v>0</v>
      </c>
      <c r="P68" s="97">
        <v>64.8</v>
      </c>
      <c r="Q68" s="44"/>
      <c r="R68" s="44"/>
      <c r="S68" s="44"/>
    </row>
    <row r="69" spans="2:19" s="11" customFormat="1" ht="15.75" customHeight="1">
      <c r="B69" s="87"/>
      <c r="C69" s="88" t="s">
        <v>28</v>
      </c>
      <c r="D69" s="257"/>
      <c r="E69" s="108"/>
      <c r="F69" s="91">
        <v>1110</v>
      </c>
      <c r="G69" s="91">
        <v>2462</v>
      </c>
      <c r="H69" s="92">
        <v>1217</v>
      </c>
      <c r="I69" s="99">
        <v>1245</v>
      </c>
      <c r="J69" s="94">
        <v>275</v>
      </c>
      <c r="K69" s="94">
        <v>1608</v>
      </c>
      <c r="L69" s="94">
        <v>577</v>
      </c>
      <c r="M69" s="95">
        <v>1532</v>
      </c>
      <c r="N69" s="96">
        <v>430</v>
      </c>
      <c r="O69" s="277">
        <v>0</v>
      </c>
      <c r="P69" s="97">
        <v>62.3</v>
      </c>
      <c r="Q69" s="44"/>
      <c r="R69" s="44"/>
      <c r="S69" s="44"/>
    </row>
    <row r="70" spans="2:19" s="11" customFormat="1" ht="15.75" customHeight="1">
      <c r="B70" s="87" t="s">
        <v>476</v>
      </c>
      <c r="C70" s="88" t="s">
        <v>26</v>
      </c>
      <c r="D70" s="257"/>
      <c r="E70" s="108"/>
      <c r="F70" s="91">
        <v>1488</v>
      </c>
      <c r="G70" s="91">
        <v>2427</v>
      </c>
      <c r="H70" s="92">
        <v>1258</v>
      </c>
      <c r="I70" s="99">
        <v>1169</v>
      </c>
      <c r="J70" s="94">
        <v>130</v>
      </c>
      <c r="K70" s="94">
        <v>1752</v>
      </c>
      <c r="L70" s="94">
        <v>510</v>
      </c>
      <c r="M70" s="95">
        <v>1989</v>
      </c>
      <c r="N70" s="96">
        <v>897</v>
      </c>
      <c r="O70" s="277">
        <v>0</v>
      </c>
      <c r="P70" s="97">
        <v>83.2</v>
      </c>
      <c r="Q70" s="44"/>
      <c r="R70" s="44"/>
      <c r="S70" s="44"/>
    </row>
    <row r="71" spans="2:19" s="11" customFormat="1" ht="15.75" customHeight="1">
      <c r="B71" s="87"/>
      <c r="C71" s="88" t="s">
        <v>27</v>
      </c>
      <c r="D71" s="257"/>
      <c r="E71" s="108"/>
      <c r="F71" s="91">
        <v>2663</v>
      </c>
      <c r="G71" s="91">
        <v>4934</v>
      </c>
      <c r="H71" s="92">
        <v>2355</v>
      </c>
      <c r="I71" s="99">
        <v>2579</v>
      </c>
      <c r="J71" s="94">
        <v>450</v>
      </c>
      <c r="K71" s="94">
        <v>3473</v>
      </c>
      <c r="L71" s="94">
        <v>968</v>
      </c>
      <c r="M71" s="95">
        <v>3084</v>
      </c>
      <c r="N71" s="96">
        <v>1255</v>
      </c>
      <c r="O71" s="277">
        <v>0</v>
      </c>
      <c r="P71" s="97">
        <v>63.1</v>
      </c>
      <c r="Q71" s="44"/>
      <c r="R71" s="44"/>
      <c r="S71" s="44"/>
    </row>
    <row r="72" spans="2:19" s="11" customFormat="1" ht="15.75" customHeight="1">
      <c r="B72" s="87"/>
      <c r="C72" s="88" t="s">
        <v>28</v>
      </c>
      <c r="D72" s="257"/>
      <c r="E72" s="108"/>
      <c r="F72" s="91">
        <v>2559</v>
      </c>
      <c r="G72" s="91">
        <v>5719</v>
      </c>
      <c r="H72" s="92">
        <v>2748</v>
      </c>
      <c r="I72" s="99">
        <v>2971</v>
      </c>
      <c r="J72" s="94">
        <v>717</v>
      </c>
      <c r="K72" s="94">
        <v>4296</v>
      </c>
      <c r="L72" s="94">
        <v>667</v>
      </c>
      <c r="M72" s="95">
        <v>2792</v>
      </c>
      <c r="N72" s="96">
        <v>462</v>
      </c>
      <c r="O72" s="96">
        <v>407</v>
      </c>
      <c r="P72" s="97">
        <v>49.2</v>
      </c>
      <c r="Q72" s="44"/>
      <c r="R72" s="44"/>
      <c r="S72" s="44"/>
    </row>
    <row r="73" spans="2:19" s="11" customFormat="1" ht="15.75" customHeight="1">
      <c r="B73" s="87"/>
      <c r="C73" s="88" t="s">
        <v>29</v>
      </c>
      <c r="D73" s="257"/>
      <c r="E73" s="108"/>
      <c r="F73" s="91">
        <v>1238</v>
      </c>
      <c r="G73" s="91">
        <v>1997</v>
      </c>
      <c r="H73" s="92">
        <v>1091</v>
      </c>
      <c r="I73" s="99">
        <v>906</v>
      </c>
      <c r="J73" s="94">
        <v>124</v>
      </c>
      <c r="K73" s="94">
        <v>1539</v>
      </c>
      <c r="L73" s="94">
        <v>332</v>
      </c>
      <c r="M73" s="95">
        <v>2285</v>
      </c>
      <c r="N73" s="96">
        <v>1469</v>
      </c>
      <c r="O73" s="277">
        <v>0</v>
      </c>
      <c r="P73" s="97">
        <v>114.5</v>
      </c>
      <c r="Q73" s="44"/>
      <c r="R73" s="44"/>
      <c r="S73" s="44"/>
    </row>
    <row r="74" spans="2:19" s="11" customFormat="1" ht="15.75" customHeight="1">
      <c r="B74" s="87"/>
      <c r="C74" s="88" t="s">
        <v>30</v>
      </c>
      <c r="D74" s="257"/>
      <c r="E74" s="108"/>
      <c r="F74" s="91">
        <v>1414</v>
      </c>
      <c r="G74" s="91">
        <v>2041</v>
      </c>
      <c r="H74" s="92">
        <v>1162</v>
      </c>
      <c r="I74" s="99">
        <v>879</v>
      </c>
      <c r="J74" s="94">
        <v>118</v>
      </c>
      <c r="K74" s="94">
        <v>1651</v>
      </c>
      <c r="L74" s="94">
        <v>269</v>
      </c>
      <c r="M74" s="95">
        <v>1667</v>
      </c>
      <c r="N74" s="96">
        <v>1040</v>
      </c>
      <c r="O74" s="277">
        <v>0</v>
      </c>
      <c r="P74" s="97">
        <v>81.8</v>
      </c>
      <c r="Q74" s="44"/>
      <c r="R74" s="44"/>
      <c r="S74" s="44"/>
    </row>
    <row r="75" spans="2:19" s="11" customFormat="1" ht="15.75" customHeight="1">
      <c r="B75" s="87"/>
      <c r="C75" s="88" t="s">
        <v>31</v>
      </c>
      <c r="D75" s="257"/>
      <c r="E75" s="108"/>
      <c r="F75" s="91">
        <v>2368</v>
      </c>
      <c r="G75" s="91">
        <v>4187</v>
      </c>
      <c r="H75" s="92">
        <v>2030</v>
      </c>
      <c r="I75" s="99">
        <v>2157</v>
      </c>
      <c r="J75" s="94">
        <v>463</v>
      </c>
      <c r="K75" s="94">
        <v>3178</v>
      </c>
      <c r="L75" s="94">
        <v>541</v>
      </c>
      <c r="M75" s="95">
        <v>3725</v>
      </c>
      <c r="N75" s="96">
        <v>1120</v>
      </c>
      <c r="O75" s="96">
        <v>964</v>
      </c>
      <c r="P75" s="97">
        <v>89.1</v>
      </c>
      <c r="Q75" s="44"/>
      <c r="R75" s="44"/>
      <c r="S75" s="44"/>
    </row>
    <row r="76" spans="2:19" s="11" customFormat="1" ht="15.75" customHeight="1">
      <c r="B76" s="87" t="s">
        <v>477</v>
      </c>
      <c r="C76" s="88" t="s">
        <v>26</v>
      </c>
      <c r="D76" s="257"/>
      <c r="E76" s="108"/>
      <c r="F76" s="91">
        <v>2786</v>
      </c>
      <c r="G76" s="91">
        <v>3888</v>
      </c>
      <c r="H76" s="92">
        <v>2056</v>
      </c>
      <c r="I76" s="99">
        <v>1832</v>
      </c>
      <c r="J76" s="94">
        <v>205</v>
      </c>
      <c r="K76" s="94">
        <v>3294</v>
      </c>
      <c r="L76" s="94">
        <v>326</v>
      </c>
      <c r="M76" s="95">
        <v>4535</v>
      </c>
      <c r="N76" s="96">
        <v>1460</v>
      </c>
      <c r="O76" s="96">
        <v>1745</v>
      </c>
      <c r="P76" s="97">
        <v>118.6</v>
      </c>
      <c r="Q76" s="44"/>
      <c r="R76" s="44"/>
      <c r="S76" s="44"/>
    </row>
    <row r="77" spans="2:19" s="11" customFormat="1" ht="16.5" customHeight="1">
      <c r="B77" s="87"/>
      <c r="C77" s="88" t="s">
        <v>27</v>
      </c>
      <c r="D77" s="257"/>
      <c r="E77" s="108"/>
      <c r="F77" s="91">
        <v>1376</v>
      </c>
      <c r="G77" s="91">
        <v>2034</v>
      </c>
      <c r="H77" s="92">
        <v>1155</v>
      </c>
      <c r="I77" s="99">
        <v>879</v>
      </c>
      <c r="J77" s="94">
        <v>141</v>
      </c>
      <c r="K77" s="94">
        <v>1677</v>
      </c>
      <c r="L77" s="94">
        <v>212</v>
      </c>
      <c r="M77" s="95">
        <v>1888</v>
      </c>
      <c r="N77" s="96">
        <v>1056</v>
      </c>
      <c r="O77" s="277">
        <v>0</v>
      </c>
      <c r="P77" s="97">
        <v>93</v>
      </c>
      <c r="Q77" s="44"/>
      <c r="R77" s="44"/>
      <c r="S77" s="44"/>
    </row>
    <row r="78" spans="2:19" s="11" customFormat="1" ht="16.5" customHeight="1">
      <c r="B78" s="87"/>
      <c r="C78" s="88" t="s">
        <v>28</v>
      </c>
      <c r="D78" s="257"/>
      <c r="E78" s="108"/>
      <c r="F78" s="91">
        <v>61</v>
      </c>
      <c r="G78" s="91">
        <v>62</v>
      </c>
      <c r="H78" s="92">
        <v>35</v>
      </c>
      <c r="I78" s="99">
        <v>27</v>
      </c>
      <c r="J78" s="343" t="s">
        <v>478</v>
      </c>
      <c r="K78" s="94">
        <v>57</v>
      </c>
      <c r="L78" s="94">
        <v>5</v>
      </c>
      <c r="M78" s="95">
        <v>7798</v>
      </c>
      <c r="N78" s="96">
        <v>7781</v>
      </c>
      <c r="O78" s="277">
        <v>0</v>
      </c>
      <c r="P78" s="97">
        <v>12577.4</v>
      </c>
      <c r="Q78" s="44"/>
      <c r="R78" s="44"/>
      <c r="S78" s="44"/>
    </row>
    <row r="79" spans="2:19" s="11" customFormat="1" ht="16.5" customHeight="1">
      <c r="B79" s="87"/>
      <c r="C79" s="88" t="s">
        <v>29</v>
      </c>
      <c r="D79" s="257"/>
      <c r="E79" s="108"/>
      <c r="F79" s="91">
        <v>362</v>
      </c>
      <c r="G79" s="91">
        <v>720</v>
      </c>
      <c r="H79" s="92">
        <v>334</v>
      </c>
      <c r="I79" s="99">
        <v>386</v>
      </c>
      <c r="J79" s="94">
        <v>66</v>
      </c>
      <c r="K79" s="94">
        <v>567</v>
      </c>
      <c r="L79" s="94">
        <v>87</v>
      </c>
      <c r="M79" s="95">
        <v>10879</v>
      </c>
      <c r="N79" s="96">
        <v>9874</v>
      </c>
      <c r="O79" s="96">
        <v>750</v>
      </c>
      <c r="P79" s="97">
        <v>1511</v>
      </c>
      <c r="Q79" s="44"/>
      <c r="R79" s="44"/>
      <c r="S79" s="44"/>
    </row>
    <row r="80" spans="2:19" s="11" customFormat="1" ht="16.5" customHeight="1">
      <c r="B80" s="87"/>
      <c r="C80" s="88" t="s">
        <v>30</v>
      </c>
      <c r="D80" s="257"/>
      <c r="E80" s="108"/>
      <c r="F80" s="91">
        <v>1543</v>
      </c>
      <c r="G80" s="91">
        <v>2541</v>
      </c>
      <c r="H80" s="92">
        <v>1237</v>
      </c>
      <c r="I80" s="99">
        <v>1304</v>
      </c>
      <c r="J80" s="94">
        <v>224</v>
      </c>
      <c r="K80" s="94">
        <v>2033</v>
      </c>
      <c r="L80" s="94">
        <v>282</v>
      </c>
      <c r="M80" s="95">
        <v>3925</v>
      </c>
      <c r="N80" s="96">
        <v>2291</v>
      </c>
      <c r="O80" s="96">
        <v>379</v>
      </c>
      <c r="P80" s="97">
        <v>154.6</v>
      </c>
      <c r="Q80" s="44"/>
      <c r="R80" s="44"/>
      <c r="S80" s="44"/>
    </row>
    <row r="81" spans="2:19" s="11" customFormat="1" ht="16.5" customHeight="1">
      <c r="B81" s="87" t="s">
        <v>479</v>
      </c>
      <c r="C81" s="88" t="s">
        <v>26</v>
      </c>
      <c r="D81" s="257"/>
      <c r="E81" s="108"/>
      <c r="F81" s="91">
        <v>2057</v>
      </c>
      <c r="G81" s="91">
        <v>3405</v>
      </c>
      <c r="H81" s="92">
        <v>1726</v>
      </c>
      <c r="I81" s="99">
        <v>1679</v>
      </c>
      <c r="J81" s="94">
        <v>309</v>
      </c>
      <c r="K81" s="94">
        <v>2612</v>
      </c>
      <c r="L81" s="94">
        <v>484</v>
      </c>
      <c r="M81" s="95">
        <v>5816</v>
      </c>
      <c r="N81" s="96">
        <v>4052</v>
      </c>
      <c r="O81" s="96">
        <v>423</v>
      </c>
      <c r="P81" s="97">
        <v>170.8</v>
      </c>
      <c r="Q81" s="44"/>
      <c r="R81" s="44"/>
      <c r="S81" s="44"/>
    </row>
    <row r="82" spans="2:19" s="11" customFormat="1" ht="16.5" customHeight="1">
      <c r="B82" s="87"/>
      <c r="C82" s="88" t="s">
        <v>27</v>
      </c>
      <c r="D82" s="257"/>
      <c r="E82" s="108"/>
      <c r="F82" s="91">
        <v>2004</v>
      </c>
      <c r="G82" s="91">
        <v>3887</v>
      </c>
      <c r="H82" s="92">
        <v>2034</v>
      </c>
      <c r="I82" s="99">
        <v>1853</v>
      </c>
      <c r="J82" s="94">
        <v>467</v>
      </c>
      <c r="K82" s="94">
        <v>3133</v>
      </c>
      <c r="L82" s="94">
        <v>286</v>
      </c>
      <c r="M82" s="95">
        <v>6125</v>
      </c>
      <c r="N82" s="96">
        <v>4611</v>
      </c>
      <c r="O82" s="277">
        <v>0</v>
      </c>
      <c r="P82" s="97">
        <v>157.6</v>
      </c>
      <c r="Q82" s="44"/>
      <c r="R82" s="44"/>
      <c r="S82" s="44"/>
    </row>
    <row r="83" spans="2:19" s="11" customFormat="1" ht="16.5" customHeight="1">
      <c r="B83" s="87"/>
      <c r="C83" s="88" t="s">
        <v>28</v>
      </c>
      <c r="D83" s="257"/>
      <c r="E83" s="108"/>
      <c r="F83" s="91">
        <v>1747</v>
      </c>
      <c r="G83" s="91">
        <v>4294</v>
      </c>
      <c r="H83" s="92">
        <v>2063</v>
      </c>
      <c r="I83" s="99">
        <v>2231</v>
      </c>
      <c r="J83" s="94">
        <v>438</v>
      </c>
      <c r="K83" s="94">
        <v>3338</v>
      </c>
      <c r="L83" s="94">
        <v>518</v>
      </c>
      <c r="M83" s="95">
        <v>2175</v>
      </c>
      <c r="N83" s="96">
        <v>380</v>
      </c>
      <c r="O83" s="277">
        <v>366</v>
      </c>
      <c r="P83" s="97">
        <v>50.7</v>
      </c>
      <c r="Q83" s="44"/>
      <c r="R83" s="44"/>
      <c r="S83" s="44"/>
    </row>
    <row r="84" spans="2:19" s="11" customFormat="1" ht="16.5" customHeight="1">
      <c r="B84" s="87" t="s">
        <v>480</v>
      </c>
      <c r="C84" s="88" t="s">
        <v>26</v>
      </c>
      <c r="D84" s="257"/>
      <c r="E84" s="108"/>
      <c r="F84" s="91">
        <v>730</v>
      </c>
      <c r="G84" s="91">
        <v>1173</v>
      </c>
      <c r="H84" s="92">
        <v>688</v>
      </c>
      <c r="I84" s="99">
        <v>485</v>
      </c>
      <c r="J84" s="94">
        <v>71</v>
      </c>
      <c r="K84" s="94">
        <v>894</v>
      </c>
      <c r="L84" s="94">
        <v>206</v>
      </c>
      <c r="M84" s="95">
        <v>2279</v>
      </c>
      <c r="N84" s="96">
        <v>1740</v>
      </c>
      <c r="O84" s="277">
        <v>0</v>
      </c>
      <c r="P84" s="97">
        <v>194.6</v>
      </c>
      <c r="Q84" s="44"/>
      <c r="R84" s="44"/>
      <c r="S84" s="44"/>
    </row>
    <row r="85" spans="2:19" s="11" customFormat="1" ht="16.5" customHeight="1">
      <c r="B85" s="87" t="s">
        <v>123</v>
      </c>
      <c r="C85" s="88" t="s">
        <v>27</v>
      </c>
      <c r="D85" s="257"/>
      <c r="E85" s="108"/>
      <c r="F85" s="91">
        <v>1121</v>
      </c>
      <c r="G85" s="91">
        <v>1835</v>
      </c>
      <c r="H85" s="92">
        <v>1002</v>
      </c>
      <c r="I85" s="99">
        <v>833</v>
      </c>
      <c r="J85" s="94">
        <v>147</v>
      </c>
      <c r="K85" s="94">
        <v>1433</v>
      </c>
      <c r="L85" s="94">
        <v>251</v>
      </c>
      <c r="M85" s="95">
        <v>1690</v>
      </c>
      <c r="N85" s="96">
        <v>1003</v>
      </c>
      <c r="O85" s="277">
        <v>0</v>
      </c>
      <c r="P85" s="97">
        <v>92.3</v>
      </c>
      <c r="Q85" s="44"/>
      <c r="R85" s="44"/>
      <c r="S85" s="44"/>
    </row>
    <row r="86" spans="2:19" s="11" customFormat="1" ht="16.5" customHeight="1">
      <c r="B86" s="87"/>
      <c r="C86" s="88" t="s">
        <v>28</v>
      </c>
      <c r="D86" s="257"/>
      <c r="E86" s="108"/>
      <c r="F86" s="91">
        <v>274</v>
      </c>
      <c r="G86" s="91">
        <v>462</v>
      </c>
      <c r="H86" s="92">
        <v>209</v>
      </c>
      <c r="I86" s="99">
        <v>253</v>
      </c>
      <c r="J86" s="94">
        <v>45</v>
      </c>
      <c r="K86" s="94">
        <v>322</v>
      </c>
      <c r="L86" s="94">
        <v>94</v>
      </c>
      <c r="M86" s="95">
        <v>6474</v>
      </c>
      <c r="N86" s="96">
        <v>3355</v>
      </c>
      <c r="O86" s="96">
        <v>2925</v>
      </c>
      <c r="P86" s="97">
        <v>1404.3</v>
      </c>
      <c r="Q86" s="44"/>
      <c r="R86" s="44"/>
      <c r="S86" s="44"/>
    </row>
    <row r="87" spans="2:19" s="11" customFormat="1" ht="16.5" customHeight="1">
      <c r="B87" s="87"/>
      <c r="C87" s="88" t="s">
        <v>29</v>
      </c>
      <c r="D87" s="257"/>
      <c r="E87" s="108"/>
      <c r="F87" s="91">
        <v>600</v>
      </c>
      <c r="G87" s="91">
        <v>818</v>
      </c>
      <c r="H87" s="92">
        <v>414</v>
      </c>
      <c r="I87" s="99">
        <v>404</v>
      </c>
      <c r="J87" s="94">
        <v>53</v>
      </c>
      <c r="K87" s="94">
        <v>634</v>
      </c>
      <c r="L87" s="94">
        <v>129</v>
      </c>
      <c r="M87" s="95">
        <v>6953</v>
      </c>
      <c r="N87" s="96">
        <v>6531</v>
      </c>
      <c r="O87" s="277">
        <v>0</v>
      </c>
      <c r="P87" s="97">
        <v>852.1</v>
      </c>
      <c r="Q87" s="44"/>
      <c r="R87" s="44"/>
      <c r="S87" s="44"/>
    </row>
    <row r="88" spans="2:19" s="11" customFormat="1" ht="16.5" customHeight="1">
      <c r="B88" s="87"/>
      <c r="C88" s="88" t="s">
        <v>30</v>
      </c>
      <c r="D88" s="257"/>
      <c r="E88" s="108"/>
      <c r="F88" s="91">
        <v>279</v>
      </c>
      <c r="G88" s="91">
        <v>416</v>
      </c>
      <c r="H88" s="92">
        <v>223</v>
      </c>
      <c r="I88" s="99">
        <v>193</v>
      </c>
      <c r="J88" s="94">
        <v>22</v>
      </c>
      <c r="K88" s="94">
        <v>328</v>
      </c>
      <c r="L88" s="94">
        <v>64</v>
      </c>
      <c r="M88" s="95">
        <v>15611</v>
      </c>
      <c r="N88" s="96">
        <v>15446</v>
      </c>
      <c r="O88" s="277">
        <v>0</v>
      </c>
      <c r="P88" s="97">
        <v>3770.8</v>
      </c>
      <c r="Q88" s="44"/>
      <c r="R88" s="44"/>
      <c r="S88" s="44"/>
    </row>
    <row r="89" spans="2:19" s="11" customFormat="1" ht="16.5" customHeight="1">
      <c r="B89" s="87"/>
      <c r="C89" s="88" t="s">
        <v>31</v>
      </c>
      <c r="D89" s="257"/>
      <c r="E89" s="108"/>
      <c r="F89" s="91">
        <v>568</v>
      </c>
      <c r="G89" s="91">
        <v>864</v>
      </c>
      <c r="H89" s="92">
        <v>447</v>
      </c>
      <c r="I89" s="99">
        <v>417</v>
      </c>
      <c r="J89" s="94">
        <v>71</v>
      </c>
      <c r="K89" s="94">
        <v>672</v>
      </c>
      <c r="L89" s="94">
        <v>121</v>
      </c>
      <c r="M89" s="95">
        <v>5529</v>
      </c>
      <c r="N89" s="96">
        <v>5156</v>
      </c>
      <c r="O89" s="277">
        <v>0</v>
      </c>
      <c r="P89" s="97">
        <v>639.9</v>
      </c>
      <c r="Q89" s="44"/>
      <c r="R89" s="44"/>
      <c r="S89" s="44"/>
    </row>
    <row r="90" spans="2:19" s="11" customFormat="1" ht="16.5" customHeight="1">
      <c r="B90" s="87"/>
      <c r="C90" s="88" t="s">
        <v>32</v>
      </c>
      <c r="D90" s="257"/>
      <c r="E90" s="108"/>
      <c r="F90" s="91">
        <v>410</v>
      </c>
      <c r="G90" s="91">
        <v>741</v>
      </c>
      <c r="H90" s="92">
        <v>391</v>
      </c>
      <c r="I90" s="99">
        <v>350</v>
      </c>
      <c r="J90" s="94">
        <v>53</v>
      </c>
      <c r="K90" s="94">
        <v>571</v>
      </c>
      <c r="L90" s="94">
        <v>117</v>
      </c>
      <c r="M90" s="95">
        <v>5261</v>
      </c>
      <c r="N90" s="96">
        <v>4848</v>
      </c>
      <c r="O90" s="96">
        <v>141</v>
      </c>
      <c r="P90" s="97">
        <v>710</v>
      </c>
      <c r="Q90" s="44"/>
      <c r="R90" s="44"/>
      <c r="S90" s="44"/>
    </row>
    <row r="91" spans="2:19" s="11" customFormat="1" ht="16.5" customHeight="1">
      <c r="B91" s="87" t="s">
        <v>481</v>
      </c>
      <c r="C91" s="88" t="s">
        <v>26</v>
      </c>
      <c r="D91" s="257"/>
      <c r="E91" s="108"/>
      <c r="F91" s="91">
        <v>691</v>
      </c>
      <c r="G91" s="91">
        <v>1341</v>
      </c>
      <c r="H91" s="92">
        <v>662</v>
      </c>
      <c r="I91" s="99">
        <v>679</v>
      </c>
      <c r="J91" s="94">
        <v>155</v>
      </c>
      <c r="K91" s="94">
        <v>966</v>
      </c>
      <c r="L91" s="94">
        <v>218</v>
      </c>
      <c r="M91" s="95">
        <v>856</v>
      </c>
      <c r="N91" s="96">
        <v>197</v>
      </c>
      <c r="O91" s="96">
        <v>148</v>
      </c>
      <c r="P91" s="97">
        <v>63.9</v>
      </c>
      <c r="Q91" s="44"/>
      <c r="R91" s="44"/>
      <c r="S91" s="44"/>
    </row>
    <row r="92" spans="2:19" s="11" customFormat="1" ht="16.5" customHeight="1">
      <c r="B92" s="87"/>
      <c r="C92" s="88" t="s">
        <v>27</v>
      </c>
      <c r="D92" s="257"/>
      <c r="E92" s="108"/>
      <c r="F92" s="91">
        <v>1043</v>
      </c>
      <c r="G92" s="91">
        <v>2062</v>
      </c>
      <c r="H92" s="92">
        <v>982</v>
      </c>
      <c r="I92" s="99">
        <v>1080</v>
      </c>
      <c r="J92" s="94">
        <v>233</v>
      </c>
      <c r="K92" s="94">
        <v>1535</v>
      </c>
      <c r="L92" s="94">
        <v>294</v>
      </c>
      <c r="M92" s="95">
        <v>2163</v>
      </c>
      <c r="N92" s="96">
        <v>1334</v>
      </c>
      <c r="O92" s="277">
        <v>0</v>
      </c>
      <c r="P92" s="97">
        <v>104.9</v>
      </c>
      <c r="Q92" s="44"/>
      <c r="R92" s="44"/>
      <c r="S92" s="44"/>
    </row>
    <row r="93" spans="2:19" s="11" customFormat="1" ht="16.5" customHeight="1">
      <c r="B93" s="87"/>
      <c r="C93" s="88" t="s">
        <v>28</v>
      </c>
      <c r="D93" s="257"/>
      <c r="E93" s="108"/>
      <c r="F93" s="91">
        <v>620</v>
      </c>
      <c r="G93" s="91">
        <v>1109</v>
      </c>
      <c r="H93" s="92">
        <v>565</v>
      </c>
      <c r="I93" s="99">
        <v>544</v>
      </c>
      <c r="J93" s="94">
        <v>124</v>
      </c>
      <c r="K93" s="94">
        <v>821</v>
      </c>
      <c r="L93" s="94">
        <v>163</v>
      </c>
      <c r="M93" s="95">
        <v>1604</v>
      </c>
      <c r="N93" s="96">
        <v>748</v>
      </c>
      <c r="O93" s="96">
        <v>360</v>
      </c>
      <c r="P93" s="97">
        <v>144.80000000000001</v>
      </c>
      <c r="Q93" s="44"/>
      <c r="R93" s="44"/>
      <c r="S93" s="44"/>
    </row>
    <row r="94" spans="2:19" s="11" customFormat="1" ht="15.75" customHeight="1">
      <c r="B94" s="87"/>
      <c r="C94" s="88" t="s">
        <v>29</v>
      </c>
      <c r="D94" s="257"/>
      <c r="E94" s="108"/>
      <c r="F94" s="91">
        <v>1396</v>
      </c>
      <c r="G94" s="91">
        <v>2901</v>
      </c>
      <c r="H94" s="92">
        <v>1371</v>
      </c>
      <c r="I94" s="99">
        <v>1530</v>
      </c>
      <c r="J94" s="94">
        <v>326</v>
      </c>
      <c r="K94" s="94">
        <v>2138</v>
      </c>
      <c r="L94" s="94">
        <v>385</v>
      </c>
      <c r="M94" s="95">
        <v>2862</v>
      </c>
      <c r="N94" s="96">
        <v>1732</v>
      </c>
      <c r="O94" s="277">
        <v>0</v>
      </c>
      <c r="P94" s="97">
        <v>100.5</v>
      </c>
      <c r="Q94" s="44"/>
      <c r="R94" s="44"/>
      <c r="S94" s="44"/>
    </row>
    <row r="95" spans="2:19" s="11" customFormat="1" ht="15.75" customHeight="1">
      <c r="B95" s="87" t="s">
        <v>482</v>
      </c>
      <c r="C95" s="88" t="s">
        <v>26</v>
      </c>
      <c r="D95" s="257"/>
      <c r="E95" s="108"/>
      <c r="F95" s="91">
        <v>820</v>
      </c>
      <c r="G95" s="91">
        <v>1528</v>
      </c>
      <c r="H95" s="92">
        <v>794</v>
      </c>
      <c r="I95" s="99">
        <v>734</v>
      </c>
      <c r="J95" s="98">
        <v>145</v>
      </c>
      <c r="K95" s="94">
        <v>1113</v>
      </c>
      <c r="L95" s="94">
        <v>270</v>
      </c>
      <c r="M95" s="95">
        <v>985</v>
      </c>
      <c r="N95" s="134">
        <v>316</v>
      </c>
      <c r="O95" s="277">
        <v>0</v>
      </c>
      <c r="P95" s="97">
        <v>64.5</v>
      </c>
      <c r="Q95" s="44"/>
      <c r="R95" s="44"/>
      <c r="S95" s="44"/>
    </row>
    <row r="96" spans="2:19" s="11" customFormat="1" ht="15.75" customHeight="1">
      <c r="B96" s="87"/>
      <c r="C96" s="88" t="s">
        <v>27</v>
      </c>
      <c r="D96" s="257"/>
      <c r="E96" s="259"/>
      <c r="F96" s="91">
        <v>931</v>
      </c>
      <c r="G96" s="91">
        <v>1926</v>
      </c>
      <c r="H96" s="92">
        <v>907</v>
      </c>
      <c r="I96" s="99">
        <v>1019</v>
      </c>
      <c r="J96" s="98">
        <v>231</v>
      </c>
      <c r="K96" s="94">
        <v>1251</v>
      </c>
      <c r="L96" s="94">
        <v>443</v>
      </c>
      <c r="M96" s="95">
        <v>1166</v>
      </c>
      <c r="N96" s="134">
        <v>369</v>
      </c>
      <c r="O96" s="277">
        <v>0</v>
      </c>
      <c r="P96" s="97">
        <v>60.6</v>
      </c>
      <c r="Q96" s="44"/>
      <c r="R96" s="44"/>
      <c r="S96" s="44"/>
    </row>
    <row r="97" spans="1:19" s="11" customFormat="1" ht="15.75" customHeight="1">
      <c r="B97" s="87"/>
      <c r="C97" s="88" t="s">
        <v>28</v>
      </c>
      <c r="D97" s="257"/>
      <c r="E97" s="259"/>
      <c r="F97" s="91">
        <v>449</v>
      </c>
      <c r="G97" s="91">
        <v>1035</v>
      </c>
      <c r="H97" s="92">
        <v>511</v>
      </c>
      <c r="I97" s="99">
        <v>524</v>
      </c>
      <c r="J97" s="98">
        <v>125</v>
      </c>
      <c r="K97" s="94">
        <v>672</v>
      </c>
      <c r="L97" s="94">
        <v>236</v>
      </c>
      <c r="M97" s="95">
        <v>807</v>
      </c>
      <c r="N97" s="134">
        <v>327</v>
      </c>
      <c r="O97" s="277">
        <v>0</v>
      </c>
      <c r="P97" s="97">
        <v>78.099999999999994</v>
      </c>
      <c r="Q97" s="44"/>
      <c r="R97" s="44"/>
      <c r="S97" s="44"/>
    </row>
    <row r="98" spans="1:19" s="11" customFormat="1" ht="15.75" customHeight="1">
      <c r="A98" s="66"/>
      <c r="B98" s="110"/>
      <c r="C98" s="111" t="s">
        <v>29</v>
      </c>
      <c r="D98" s="260"/>
      <c r="E98" s="261"/>
      <c r="F98" s="115">
        <v>1328</v>
      </c>
      <c r="G98" s="115">
        <v>2490</v>
      </c>
      <c r="H98" s="116">
        <v>1235</v>
      </c>
      <c r="I98" s="117">
        <v>1255</v>
      </c>
      <c r="J98" s="114">
        <v>155</v>
      </c>
      <c r="K98" s="118">
        <v>1644</v>
      </c>
      <c r="L98" s="118">
        <v>684</v>
      </c>
      <c r="M98" s="119">
        <v>2108</v>
      </c>
      <c r="N98" s="128">
        <v>738</v>
      </c>
      <c r="O98" s="280">
        <v>0</v>
      </c>
      <c r="P98" s="122">
        <v>84.9</v>
      </c>
      <c r="Q98" s="44"/>
      <c r="R98" s="44"/>
      <c r="S98" s="44"/>
    </row>
  </sheetData>
  <mergeCells count="9">
    <mergeCell ref="B9:C9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53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8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33203125" style="44" customWidth="1"/>
    <col min="2" max="2" width="9.1640625" style="44" customWidth="1"/>
    <col min="3" max="3" width="5.83203125" style="44" customWidth="1"/>
    <col min="4" max="4" width="0.16406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3" width="10" style="45" customWidth="1"/>
    <col min="14" max="15" width="9.83203125" style="45" customWidth="1"/>
    <col min="16" max="16" width="10.664062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22" ht="12" customHeight="1"/>
    <row r="3" spans="1:22" ht="12" customHeight="1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483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" customHeight="1" thickTop="1">
      <c r="A8" s="188"/>
      <c r="B8" s="189"/>
      <c r="C8" s="189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15.75" customHeight="1">
      <c r="B9" s="455" t="s">
        <v>92</v>
      </c>
      <c r="C9" s="455"/>
      <c r="D9" s="345"/>
      <c r="E9" s="28"/>
      <c r="F9" s="152">
        <v>89430</v>
      </c>
      <c r="G9" s="152">
        <v>178343</v>
      </c>
      <c r="H9" s="152">
        <v>88877</v>
      </c>
      <c r="I9" s="81">
        <v>89466</v>
      </c>
      <c r="J9" s="346">
        <v>21422</v>
      </c>
      <c r="K9" s="83">
        <v>125636</v>
      </c>
      <c r="L9" s="287">
        <v>30493</v>
      </c>
      <c r="M9" s="347">
        <v>163847</v>
      </c>
      <c r="N9" s="85">
        <v>63427</v>
      </c>
      <c r="O9" s="85">
        <v>22252</v>
      </c>
      <c r="P9" s="86">
        <v>92.3</v>
      </c>
    </row>
    <row r="10" spans="1:22" s="219" customFormat="1" ht="3" customHeight="1">
      <c r="B10" s="348"/>
      <c r="C10" s="349"/>
      <c r="D10" s="350"/>
      <c r="E10" s="32"/>
      <c r="F10" s="91"/>
      <c r="G10" s="91"/>
      <c r="H10" s="91"/>
      <c r="I10" s="98"/>
      <c r="J10" s="123"/>
      <c r="K10" s="94"/>
      <c r="L10" s="132"/>
      <c r="M10" s="351"/>
      <c r="N10" s="96"/>
      <c r="O10" s="96"/>
      <c r="P10" s="97"/>
    </row>
    <row r="11" spans="1:22" s="219" customFormat="1" ht="16.5" customHeight="1">
      <c r="B11" s="348" t="s">
        <v>490</v>
      </c>
      <c r="C11" s="349" t="s">
        <v>26</v>
      </c>
      <c r="D11" s="350"/>
      <c r="E11" s="32"/>
      <c r="F11" s="91">
        <v>1244</v>
      </c>
      <c r="G11" s="91">
        <v>3037</v>
      </c>
      <c r="H11" s="91">
        <v>1443</v>
      </c>
      <c r="I11" s="98">
        <v>1594</v>
      </c>
      <c r="J11" s="123">
        <v>575</v>
      </c>
      <c r="K11" s="94">
        <v>1922</v>
      </c>
      <c r="L11" s="132">
        <v>537</v>
      </c>
      <c r="M11" s="351">
        <v>2090</v>
      </c>
      <c r="N11" s="96">
        <v>240</v>
      </c>
      <c r="O11" s="96">
        <v>597</v>
      </c>
      <c r="P11" s="97">
        <v>68.900000000000006</v>
      </c>
      <c r="T11" s="218"/>
      <c r="U11" s="218"/>
      <c r="V11" s="218"/>
    </row>
    <row r="12" spans="1:22" s="219" customFormat="1" ht="16.5" customHeight="1">
      <c r="B12" s="348"/>
      <c r="C12" s="349" t="s">
        <v>27</v>
      </c>
      <c r="D12" s="350"/>
      <c r="E12" s="32"/>
      <c r="F12" s="91">
        <v>1073</v>
      </c>
      <c r="G12" s="91">
        <v>2380</v>
      </c>
      <c r="H12" s="91">
        <v>1127</v>
      </c>
      <c r="I12" s="98">
        <v>1253</v>
      </c>
      <c r="J12" s="123">
        <v>291</v>
      </c>
      <c r="K12" s="94">
        <v>1587</v>
      </c>
      <c r="L12" s="132">
        <v>502</v>
      </c>
      <c r="M12" s="351">
        <v>2781</v>
      </c>
      <c r="N12" s="96">
        <v>612</v>
      </c>
      <c r="O12" s="96">
        <v>1114</v>
      </c>
      <c r="P12" s="97">
        <v>116.8</v>
      </c>
      <c r="T12" s="218"/>
      <c r="U12" s="218"/>
      <c r="V12" s="218"/>
    </row>
    <row r="13" spans="1:22" s="219" customFormat="1" ht="16.5" customHeight="1">
      <c r="B13" s="348"/>
      <c r="C13" s="349" t="s">
        <v>28</v>
      </c>
      <c r="D13" s="350"/>
      <c r="E13" s="32"/>
      <c r="F13" s="91">
        <v>1478</v>
      </c>
      <c r="G13" s="91">
        <v>4134</v>
      </c>
      <c r="H13" s="91">
        <v>1967</v>
      </c>
      <c r="I13" s="98">
        <v>2167</v>
      </c>
      <c r="J13" s="123">
        <v>862</v>
      </c>
      <c r="K13" s="94">
        <v>2573</v>
      </c>
      <c r="L13" s="132">
        <v>699</v>
      </c>
      <c r="M13" s="351">
        <v>1995</v>
      </c>
      <c r="N13" s="96">
        <v>309</v>
      </c>
      <c r="O13" s="277">
        <v>0</v>
      </c>
      <c r="P13" s="109">
        <v>48.3</v>
      </c>
      <c r="T13" s="218"/>
      <c r="U13" s="218"/>
      <c r="V13" s="218"/>
    </row>
    <row r="14" spans="1:22" s="219" customFormat="1" ht="16.5" customHeight="1">
      <c r="B14" s="348"/>
      <c r="C14" s="349" t="s">
        <v>29</v>
      </c>
      <c r="D14" s="350"/>
      <c r="E14" s="32"/>
      <c r="F14" s="91">
        <v>803</v>
      </c>
      <c r="G14" s="91">
        <v>1979</v>
      </c>
      <c r="H14" s="91">
        <v>936</v>
      </c>
      <c r="I14" s="98">
        <v>1043</v>
      </c>
      <c r="J14" s="123">
        <v>280</v>
      </c>
      <c r="K14" s="94">
        <v>1130</v>
      </c>
      <c r="L14" s="132">
        <v>569</v>
      </c>
      <c r="M14" s="351">
        <v>1405</v>
      </c>
      <c r="N14" s="96">
        <v>402</v>
      </c>
      <c r="O14" s="277">
        <v>0</v>
      </c>
      <c r="P14" s="97">
        <v>71</v>
      </c>
      <c r="T14" s="218"/>
      <c r="U14" s="218"/>
      <c r="V14" s="218"/>
    </row>
    <row r="15" spans="1:22" s="219" customFormat="1" ht="16.5" customHeight="1">
      <c r="B15" s="348" t="s">
        <v>491</v>
      </c>
      <c r="C15" s="349" t="s">
        <v>26</v>
      </c>
      <c r="D15" s="350"/>
      <c r="E15" s="32"/>
      <c r="F15" s="91">
        <v>793</v>
      </c>
      <c r="G15" s="91">
        <v>1976</v>
      </c>
      <c r="H15" s="91">
        <v>951</v>
      </c>
      <c r="I15" s="98">
        <v>1025</v>
      </c>
      <c r="J15" s="123">
        <v>300</v>
      </c>
      <c r="K15" s="94">
        <v>1151</v>
      </c>
      <c r="L15" s="132">
        <v>502</v>
      </c>
      <c r="M15" s="351">
        <v>2184</v>
      </c>
      <c r="N15" s="96">
        <v>1228</v>
      </c>
      <c r="O15" s="277">
        <v>0</v>
      </c>
      <c r="P15" s="97">
        <v>111.8</v>
      </c>
      <c r="T15" s="218"/>
      <c r="U15" s="218"/>
      <c r="V15" s="218"/>
    </row>
    <row r="16" spans="1:22" s="219" customFormat="1" ht="16.5" customHeight="1">
      <c r="B16" s="348"/>
      <c r="C16" s="349" t="s">
        <v>27</v>
      </c>
      <c r="D16" s="350"/>
      <c r="E16" s="32"/>
      <c r="F16" s="91">
        <v>744</v>
      </c>
      <c r="G16" s="91">
        <v>1833</v>
      </c>
      <c r="H16" s="91">
        <v>854</v>
      </c>
      <c r="I16" s="98">
        <v>979</v>
      </c>
      <c r="J16" s="123">
        <v>230</v>
      </c>
      <c r="K16" s="94">
        <v>1108</v>
      </c>
      <c r="L16" s="132">
        <v>467</v>
      </c>
      <c r="M16" s="351">
        <v>1008</v>
      </c>
      <c r="N16" s="96">
        <v>185</v>
      </c>
      <c r="O16" s="277">
        <v>0</v>
      </c>
      <c r="P16" s="97">
        <v>55.8</v>
      </c>
      <c r="T16" s="218"/>
      <c r="U16" s="218"/>
      <c r="V16" s="218"/>
    </row>
    <row r="17" spans="2:22" s="219" customFormat="1" ht="16.5" customHeight="1">
      <c r="B17" s="348"/>
      <c r="C17" s="349" t="s">
        <v>28</v>
      </c>
      <c r="D17" s="350"/>
      <c r="E17" s="32"/>
      <c r="F17" s="91">
        <v>669</v>
      </c>
      <c r="G17" s="91">
        <v>1714</v>
      </c>
      <c r="H17" s="91">
        <v>797</v>
      </c>
      <c r="I17" s="98">
        <v>917</v>
      </c>
      <c r="J17" s="123">
        <v>308</v>
      </c>
      <c r="K17" s="94">
        <v>1059</v>
      </c>
      <c r="L17" s="132">
        <v>344</v>
      </c>
      <c r="M17" s="351">
        <v>782</v>
      </c>
      <c r="N17" s="96">
        <v>42</v>
      </c>
      <c r="O17" s="277">
        <v>0</v>
      </c>
      <c r="P17" s="97">
        <v>45.7</v>
      </c>
      <c r="T17" s="218"/>
      <c r="U17" s="218"/>
      <c r="V17" s="218"/>
    </row>
    <row r="18" spans="2:22" s="219" customFormat="1" ht="16.5" customHeight="1">
      <c r="B18" s="348"/>
      <c r="C18" s="349" t="s">
        <v>29</v>
      </c>
      <c r="D18" s="350"/>
      <c r="E18" s="32"/>
      <c r="F18" s="91">
        <v>675</v>
      </c>
      <c r="G18" s="91">
        <v>1481</v>
      </c>
      <c r="H18" s="91">
        <v>759</v>
      </c>
      <c r="I18" s="98">
        <v>722</v>
      </c>
      <c r="J18" s="123">
        <v>186</v>
      </c>
      <c r="K18" s="94">
        <v>993</v>
      </c>
      <c r="L18" s="132">
        <v>302</v>
      </c>
      <c r="M18" s="351">
        <v>1249</v>
      </c>
      <c r="N18" s="96">
        <v>634</v>
      </c>
      <c r="O18" s="277">
        <v>0</v>
      </c>
      <c r="P18" s="97">
        <v>84.3</v>
      </c>
      <c r="T18" s="218"/>
      <c r="U18" s="218"/>
      <c r="V18" s="218"/>
    </row>
    <row r="19" spans="2:22" s="219" customFormat="1" ht="16.5" customHeight="1">
      <c r="B19" s="348" t="s">
        <v>492</v>
      </c>
      <c r="C19" s="349" t="s">
        <v>26</v>
      </c>
      <c r="D19" s="350"/>
      <c r="E19" s="32"/>
      <c r="F19" s="91">
        <v>1563</v>
      </c>
      <c r="G19" s="91">
        <v>3592</v>
      </c>
      <c r="H19" s="91">
        <v>1819</v>
      </c>
      <c r="I19" s="98">
        <v>1773</v>
      </c>
      <c r="J19" s="123">
        <v>547</v>
      </c>
      <c r="K19" s="94">
        <v>2539</v>
      </c>
      <c r="L19" s="132">
        <v>506</v>
      </c>
      <c r="M19" s="351">
        <v>1827</v>
      </c>
      <c r="N19" s="96">
        <v>409</v>
      </c>
      <c r="O19" s="277">
        <v>0</v>
      </c>
      <c r="P19" s="97">
        <v>50.9</v>
      </c>
      <c r="T19" s="218"/>
      <c r="U19" s="218"/>
      <c r="V19" s="218"/>
    </row>
    <row r="20" spans="2:22" s="219" customFormat="1" ht="16.5" customHeight="1">
      <c r="B20" s="348"/>
      <c r="C20" s="349" t="s">
        <v>27</v>
      </c>
      <c r="D20" s="350"/>
      <c r="E20" s="32"/>
      <c r="F20" s="91">
        <v>955</v>
      </c>
      <c r="G20" s="91">
        <v>2247</v>
      </c>
      <c r="H20" s="91">
        <v>1055</v>
      </c>
      <c r="I20" s="98">
        <v>1192</v>
      </c>
      <c r="J20" s="123">
        <v>290</v>
      </c>
      <c r="K20" s="94">
        <v>1448</v>
      </c>
      <c r="L20" s="132">
        <v>509</v>
      </c>
      <c r="M20" s="351">
        <v>1287</v>
      </c>
      <c r="N20" s="96">
        <v>203</v>
      </c>
      <c r="O20" s="277">
        <v>0</v>
      </c>
      <c r="P20" s="97">
        <v>57.3</v>
      </c>
      <c r="T20" s="218"/>
      <c r="U20" s="218"/>
      <c r="V20" s="218"/>
    </row>
    <row r="21" spans="2:22" s="219" customFormat="1" ht="16.5" customHeight="1">
      <c r="B21" s="348"/>
      <c r="C21" s="349" t="s">
        <v>28</v>
      </c>
      <c r="D21" s="350"/>
      <c r="E21" s="32"/>
      <c r="F21" s="91">
        <v>952</v>
      </c>
      <c r="G21" s="91">
        <v>2018</v>
      </c>
      <c r="H21" s="91">
        <v>1025</v>
      </c>
      <c r="I21" s="98">
        <v>993</v>
      </c>
      <c r="J21" s="123">
        <v>284</v>
      </c>
      <c r="K21" s="94">
        <v>1346</v>
      </c>
      <c r="L21" s="132">
        <v>385</v>
      </c>
      <c r="M21" s="351">
        <v>1655</v>
      </c>
      <c r="N21" s="96">
        <v>613</v>
      </c>
      <c r="O21" s="277">
        <v>0</v>
      </c>
      <c r="P21" s="97">
        <v>82.1</v>
      </c>
      <c r="T21" s="218"/>
      <c r="U21" s="218"/>
      <c r="V21" s="218"/>
    </row>
    <row r="22" spans="2:22" s="219" customFormat="1" ht="16.5" customHeight="1">
      <c r="B22" s="348" t="s">
        <v>493</v>
      </c>
      <c r="C22" s="349" t="s">
        <v>26</v>
      </c>
      <c r="D22" s="350"/>
      <c r="E22" s="32"/>
      <c r="F22" s="91">
        <v>428</v>
      </c>
      <c r="G22" s="91">
        <v>966</v>
      </c>
      <c r="H22" s="91">
        <v>443</v>
      </c>
      <c r="I22" s="98">
        <v>523</v>
      </c>
      <c r="J22" s="123">
        <v>91</v>
      </c>
      <c r="K22" s="94">
        <v>682</v>
      </c>
      <c r="L22" s="132">
        <v>193</v>
      </c>
      <c r="M22" s="351">
        <v>671</v>
      </c>
      <c r="N22" s="96">
        <v>238</v>
      </c>
      <c r="O22" s="277">
        <v>0</v>
      </c>
      <c r="P22" s="97">
        <v>69.5</v>
      </c>
      <c r="T22" s="218"/>
      <c r="U22" s="218"/>
      <c r="V22" s="218"/>
    </row>
    <row r="23" spans="2:22" s="219" customFormat="1" ht="16.5" customHeight="1">
      <c r="B23" s="348"/>
      <c r="C23" s="349" t="s">
        <v>27</v>
      </c>
      <c r="D23" s="350"/>
      <c r="E23" s="32"/>
      <c r="F23" s="91">
        <v>1143</v>
      </c>
      <c r="G23" s="91">
        <v>1813</v>
      </c>
      <c r="H23" s="91">
        <v>898</v>
      </c>
      <c r="I23" s="98">
        <v>915</v>
      </c>
      <c r="J23" s="123">
        <v>111</v>
      </c>
      <c r="K23" s="94">
        <v>1409</v>
      </c>
      <c r="L23" s="132">
        <v>293</v>
      </c>
      <c r="M23" s="351">
        <v>2299</v>
      </c>
      <c r="N23" s="96">
        <v>962</v>
      </c>
      <c r="O23" s="96">
        <v>629</v>
      </c>
      <c r="P23" s="97">
        <v>126.8</v>
      </c>
      <c r="T23" s="218"/>
      <c r="U23" s="218"/>
      <c r="V23" s="218"/>
    </row>
    <row r="24" spans="2:22" s="219" customFormat="1" ht="16.5" customHeight="1">
      <c r="B24" s="348"/>
      <c r="C24" s="349" t="s">
        <v>28</v>
      </c>
      <c r="D24" s="350"/>
      <c r="E24" s="32"/>
      <c r="F24" s="91">
        <v>435</v>
      </c>
      <c r="G24" s="91">
        <v>851</v>
      </c>
      <c r="H24" s="91">
        <v>370</v>
      </c>
      <c r="I24" s="98">
        <v>481</v>
      </c>
      <c r="J24" s="123">
        <v>129</v>
      </c>
      <c r="K24" s="94">
        <v>510</v>
      </c>
      <c r="L24" s="132">
        <v>212</v>
      </c>
      <c r="M24" s="351">
        <v>3582</v>
      </c>
      <c r="N24" s="96">
        <v>643</v>
      </c>
      <c r="O24" s="103">
        <v>2549</v>
      </c>
      <c r="P24" s="109">
        <v>420.9</v>
      </c>
      <c r="T24" s="218"/>
      <c r="U24" s="218"/>
      <c r="V24" s="218"/>
    </row>
    <row r="25" spans="2:22" s="219" customFormat="1" ht="16.5" customHeight="1">
      <c r="B25" s="348" t="s">
        <v>494</v>
      </c>
      <c r="C25" s="349" t="s">
        <v>26</v>
      </c>
      <c r="D25" s="350"/>
      <c r="E25" s="32"/>
      <c r="F25" s="91">
        <v>1321</v>
      </c>
      <c r="G25" s="91">
        <v>2197</v>
      </c>
      <c r="H25" s="91">
        <v>1089</v>
      </c>
      <c r="I25" s="98">
        <v>1108</v>
      </c>
      <c r="J25" s="123">
        <v>187</v>
      </c>
      <c r="K25" s="94">
        <v>1686</v>
      </c>
      <c r="L25" s="132">
        <v>322</v>
      </c>
      <c r="M25" s="351">
        <v>2166</v>
      </c>
      <c r="N25" s="96">
        <v>1355</v>
      </c>
      <c r="O25" s="277">
        <v>0</v>
      </c>
      <c r="P25" s="97">
        <v>98.7</v>
      </c>
      <c r="T25" s="218"/>
      <c r="U25" s="218"/>
      <c r="V25" s="218"/>
    </row>
    <row r="26" spans="2:22" s="219" customFormat="1" ht="16.5" customHeight="1">
      <c r="B26" s="348"/>
      <c r="C26" s="349" t="s">
        <v>27</v>
      </c>
      <c r="D26" s="350"/>
      <c r="E26" s="32"/>
      <c r="F26" s="91">
        <v>1301</v>
      </c>
      <c r="G26" s="91">
        <v>2295</v>
      </c>
      <c r="H26" s="91">
        <v>1155</v>
      </c>
      <c r="I26" s="98">
        <v>1140</v>
      </c>
      <c r="J26" s="123">
        <v>289</v>
      </c>
      <c r="K26" s="94">
        <v>1737</v>
      </c>
      <c r="L26" s="132">
        <v>269</v>
      </c>
      <c r="M26" s="351">
        <v>2106</v>
      </c>
      <c r="N26" s="96">
        <v>1191</v>
      </c>
      <c r="O26" s="277">
        <v>0</v>
      </c>
      <c r="P26" s="97">
        <v>91.8</v>
      </c>
      <c r="T26" s="218"/>
      <c r="U26" s="218"/>
      <c r="V26" s="218"/>
    </row>
    <row r="27" spans="2:22" s="219" customFormat="1" ht="16.5" customHeight="1">
      <c r="B27" s="348"/>
      <c r="C27" s="349" t="s">
        <v>28</v>
      </c>
      <c r="D27" s="350"/>
      <c r="E27" s="32"/>
      <c r="F27" s="91">
        <v>1427</v>
      </c>
      <c r="G27" s="91">
        <v>3281</v>
      </c>
      <c r="H27" s="91">
        <v>1649</v>
      </c>
      <c r="I27" s="98">
        <v>1632</v>
      </c>
      <c r="J27" s="123">
        <v>508</v>
      </c>
      <c r="K27" s="94">
        <v>2424</v>
      </c>
      <c r="L27" s="132">
        <v>348</v>
      </c>
      <c r="M27" s="351">
        <v>2696</v>
      </c>
      <c r="N27" s="96">
        <v>736</v>
      </c>
      <c r="O27" s="96">
        <v>713</v>
      </c>
      <c r="P27" s="97">
        <v>82.2</v>
      </c>
      <c r="T27" s="218"/>
      <c r="U27" s="218"/>
      <c r="V27" s="218"/>
    </row>
    <row r="28" spans="2:22" s="219" customFormat="1" ht="16.5" customHeight="1">
      <c r="B28" s="348"/>
      <c r="C28" s="349" t="s">
        <v>29</v>
      </c>
      <c r="D28" s="350"/>
      <c r="E28" s="32"/>
      <c r="F28" s="91">
        <v>1432</v>
      </c>
      <c r="G28" s="91">
        <v>3110</v>
      </c>
      <c r="H28" s="91">
        <v>1532</v>
      </c>
      <c r="I28" s="98">
        <v>1578</v>
      </c>
      <c r="J28" s="123">
        <v>488</v>
      </c>
      <c r="K28" s="94">
        <v>2239</v>
      </c>
      <c r="L28" s="132">
        <v>383</v>
      </c>
      <c r="M28" s="351">
        <v>2248</v>
      </c>
      <c r="N28" s="96">
        <v>1000</v>
      </c>
      <c r="O28" s="277">
        <v>0</v>
      </c>
      <c r="P28" s="97">
        <v>72.3</v>
      </c>
      <c r="T28" s="218"/>
      <c r="U28" s="218"/>
      <c r="V28" s="218"/>
    </row>
    <row r="29" spans="2:22" s="219" customFormat="1" ht="16.5" customHeight="1">
      <c r="B29" s="348"/>
      <c r="C29" s="349" t="s">
        <v>30</v>
      </c>
      <c r="D29" s="350"/>
      <c r="E29" s="32"/>
      <c r="F29" s="91">
        <v>616</v>
      </c>
      <c r="G29" s="91">
        <v>1342</v>
      </c>
      <c r="H29" s="91">
        <v>663</v>
      </c>
      <c r="I29" s="98">
        <v>679</v>
      </c>
      <c r="J29" s="123">
        <v>199</v>
      </c>
      <c r="K29" s="94">
        <v>836</v>
      </c>
      <c r="L29" s="132">
        <v>307</v>
      </c>
      <c r="M29" s="351">
        <v>901</v>
      </c>
      <c r="N29" s="96">
        <v>216</v>
      </c>
      <c r="O29" s="277">
        <v>0</v>
      </c>
      <c r="P29" s="97">
        <v>67.099999999999994</v>
      </c>
      <c r="T29" s="218"/>
      <c r="U29" s="218"/>
      <c r="V29" s="218"/>
    </row>
    <row r="30" spans="2:22" s="219" customFormat="1" ht="16.5" customHeight="1">
      <c r="B30" s="348" t="s">
        <v>495</v>
      </c>
      <c r="C30" s="349" t="s">
        <v>26</v>
      </c>
      <c r="D30" s="350"/>
      <c r="E30" s="32"/>
      <c r="F30" s="91">
        <v>1021</v>
      </c>
      <c r="G30" s="91">
        <v>1565</v>
      </c>
      <c r="H30" s="91">
        <v>738</v>
      </c>
      <c r="I30" s="98">
        <v>827</v>
      </c>
      <c r="J30" s="123">
        <v>108</v>
      </c>
      <c r="K30" s="94">
        <v>1224</v>
      </c>
      <c r="L30" s="132">
        <v>233</v>
      </c>
      <c r="M30" s="351">
        <v>2542</v>
      </c>
      <c r="N30" s="96">
        <v>1849</v>
      </c>
      <c r="O30" s="277">
        <v>0</v>
      </c>
      <c r="P30" s="97">
        <v>162.4</v>
      </c>
      <c r="T30" s="218"/>
      <c r="U30" s="218"/>
      <c r="V30" s="218"/>
    </row>
    <row r="31" spans="2:22" s="219" customFormat="1" ht="16.5" customHeight="1">
      <c r="B31" s="348"/>
      <c r="C31" s="349" t="s">
        <v>27</v>
      </c>
      <c r="D31" s="350"/>
      <c r="E31" s="32"/>
      <c r="F31" s="91">
        <v>800</v>
      </c>
      <c r="G31" s="91">
        <v>1561</v>
      </c>
      <c r="H31" s="91">
        <v>771</v>
      </c>
      <c r="I31" s="98">
        <v>790</v>
      </c>
      <c r="J31" s="123">
        <v>186</v>
      </c>
      <c r="K31" s="94">
        <v>1131</v>
      </c>
      <c r="L31" s="132">
        <v>244</v>
      </c>
      <c r="M31" s="351">
        <v>1308</v>
      </c>
      <c r="N31" s="96">
        <v>662</v>
      </c>
      <c r="O31" s="277">
        <v>0</v>
      </c>
      <c r="P31" s="97">
        <v>83.8</v>
      </c>
      <c r="T31" s="218"/>
      <c r="U31" s="218"/>
      <c r="V31" s="218"/>
    </row>
    <row r="32" spans="2:22" s="219" customFormat="1" ht="16.5" customHeight="1">
      <c r="B32" s="348"/>
      <c r="C32" s="349" t="s">
        <v>28</v>
      </c>
      <c r="D32" s="350"/>
      <c r="E32" s="32"/>
      <c r="F32" s="91">
        <v>567</v>
      </c>
      <c r="G32" s="91">
        <v>1012</v>
      </c>
      <c r="H32" s="91">
        <v>559</v>
      </c>
      <c r="I32" s="98">
        <v>453</v>
      </c>
      <c r="J32" s="123">
        <v>86</v>
      </c>
      <c r="K32" s="94">
        <v>798</v>
      </c>
      <c r="L32" s="132">
        <v>128</v>
      </c>
      <c r="M32" s="351">
        <v>1047</v>
      </c>
      <c r="N32" s="96">
        <v>672</v>
      </c>
      <c r="O32" s="277">
        <v>0</v>
      </c>
      <c r="P32" s="97">
        <v>103.5</v>
      </c>
      <c r="T32" s="218"/>
      <c r="U32" s="218"/>
      <c r="V32" s="218"/>
    </row>
    <row r="33" spans="2:22" s="219" customFormat="1" ht="16.5" customHeight="1">
      <c r="B33" s="348"/>
      <c r="C33" s="349" t="s">
        <v>29</v>
      </c>
      <c r="D33" s="350"/>
      <c r="E33" s="32"/>
      <c r="F33" s="91">
        <v>625</v>
      </c>
      <c r="G33" s="91">
        <v>1338</v>
      </c>
      <c r="H33" s="91">
        <v>668</v>
      </c>
      <c r="I33" s="98">
        <v>670</v>
      </c>
      <c r="J33" s="123">
        <v>174</v>
      </c>
      <c r="K33" s="94">
        <v>899</v>
      </c>
      <c r="L33" s="132">
        <v>265</v>
      </c>
      <c r="M33" s="351">
        <v>1815</v>
      </c>
      <c r="N33" s="96">
        <v>639</v>
      </c>
      <c r="O33" s="134">
        <v>587</v>
      </c>
      <c r="P33" s="97">
        <v>135.69999999999999</v>
      </c>
      <c r="T33" s="218"/>
      <c r="U33" s="218"/>
      <c r="V33" s="218"/>
    </row>
    <row r="34" spans="2:22" s="219" customFormat="1" ht="16.5" customHeight="1">
      <c r="B34" s="348"/>
      <c r="C34" s="349" t="s">
        <v>30</v>
      </c>
      <c r="D34" s="350"/>
      <c r="E34" s="32"/>
      <c r="F34" s="91">
        <v>715</v>
      </c>
      <c r="G34" s="91">
        <v>1655</v>
      </c>
      <c r="H34" s="91">
        <v>822</v>
      </c>
      <c r="I34" s="98">
        <v>833</v>
      </c>
      <c r="J34" s="123">
        <v>208</v>
      </c>
      <c r="K34" s="94">
        <v>1105</v>
      </c>
      <c r="L34" s="132">
        <v>342</v>
      </c>
      <c r="M34" s="351">
        <v>1376</v>
      </c>
      <c r="N34" s="96">
        <v>209</v>
      </c>
      <c r="O34" s="96">
        <v>406</v>
      </c>
      <c r="P34" s="97">
        <v>83.1</v>
      </c>
      <c r="T34" s="218"/>
      <c r="U34" s="218"/>
      <c r="V34" s="218"/>
    </row>
    <row r="35" spans="2:22" s="219" customFormat="1" ht="16.5" customHeight="1">
      <c r="B35" s="348" t="s">
        <v>496</v>
      </c>
      <c r="C35" s="349" t="s">
        <v>26</v>
      </c>
      <c r="D35" s="350"/>
      <c r="E35" s="32"/>
      <c r="F35" s="91">
        <v>539</v>
      </c>
      <c r="G35" s="91">
        <v>929</v>
      </c>
      <c r="H35" s="91">
        <v>510</v>
      </c>
      <c r="I35" s="98">
        <v>419</v>
      </c>
      <c r="J35" s="123">
        <v>95</v>
      </c>
      <c r="K35" s="94">
        <v>699</v>
      </c>
      <c r="L35" s="132">
        <v>114</v>
      </c>
      <c r="M35" s="351">
        <v>2774</v>
      </c>
      <c r="N35" s="96">
        <v>2009</v>
      </c>
      <c r="O35" s="96">
        <v>441</v>
      </c>
      <c r="P35" s="97">
        <v>305.5</v>
      </c>
      <c r="T35" s="218"/>
      <c r="U35" s="218"/>
      <c r="V35" s="218"/>
    </row>
    <row r="36" spans="2:22" s="219" customFormat="1" ht="16.5" customHeight="1">
      <c r="B36" s="348"/>
      <c r="C36" s="349" t="s">
        <v>27</v>
      </c>
      <c r="D36" s="350"/>
      <c r="E36" s="32"/>
      <c r="F36" s="91">
        <v>119</v>
      </c>
      <c r="G36" s="91">
        <v>265</v>
      </c>
      <c r="H36" s="91">
        <v>131</v>
      </c>
      <c r="I36" s="98">
        <v>134</v>
      </c>
      <c r="J36" s="123">
        <v>28</v>
      </c>
      <c r="K36" s="94">
        <v>175</v>
      </c>
      <c r="L36" s="132">
        <v>49</v>
      </c>
      <c r="M36" s="351">
        <v>5949</v>
      </c>
      <c r="N36" s="96">
        <v>413</v>
      </c>
      <c r="O36" s="96">
        <v>5439</v>
      </c>
      <c r="P36" s="97">
        <v>2360.6999999999998</v>
      </c>
      <c r="T36" s="218"/>
      <c r="U36" s="218"/>
      <c r="V36" s="218"/>
    </row>
    <row r="37" spans="2:22" s="219" customFormat="1" ht="16.5" customHeight="1">
      <c r="B37" s="348" t="s">
        <v>497</v>
      </c>
      <c r="C37" s="349" t="s">
        <v>26</v>
      </c>
      <c r="D37" s="350"/>
      <c r="E37" s="32"/>
      <c r="F37" s="91">
        <v>770</v>
      </c>
      <c r="G37" s="91">
        <v>1612</v>
      </c>
      <c r="H37" s="91">
        <v>832</v>
      </c>
      <c r="I37" s="98">
        <v>780</v>
      </c>
      <c r="J37" s="123">
        <v>201</v>
      </c>
      <c r="K37" s="94">
        <v>1101</v>
      </c>
      <c r="L37" s="132">
        <v>240</v>
      </c>
      <c r="M37" s="351">
        <v>944</v>
      </c>
      <c r="N37" s="96">
        <v>306</v>
      </c>
      <c r="O37" s="277">
        <v>0</v>
      </c>
      <c r="P37" s="97">
        <v>61.2</v>
      </c>
      <c r="T37" s="218"/>
      <c r="U37" s="218"/>
      <c r="V37" s="218"/>
    </row>
    <row r="38" spans="2:22" s="219" customFormat="1" ht="16.5" customHeight="1">
      <c r="B38" s="348"/>
      <c r="C38" s="349" t="s">
        <v>27</v>
      </c>
      <c r="D38" s="350"/>
      <c r="E38" s="32"/>
      <c r="F38" s="91">
        <v>1396</v>
      </c>
      <c r="G38" s="91">
        <v>2565</v>
      </c>
      <c r="H38" s="91">
        <v>1319</v>
      </c>
      <c r="I38" s="98">
        <v>1246</v>
      </c>
      <c r="J38" s="123">
        <v>267</v>
      </c>
      <c r="K38" s="94">
        <v>1810</v>
      </c>
      <c r="L38" s="132">
        <v>397</v>
      </c>
      <c r="M38" s="351">
        <v>1973</v>
      </c>
      <c r="N38" s="96">
        <v>761</v>
      </c>
      <c r="O38" s="96">
        <v>141</v>
      </c>
      <c r="P38" s="97">
        <v>79.7</v>
      </c>
      <c r="T38" s="218"/>
      <c r="U38" s="218"/>
      <c r="V38" s="218"/>
    </row>
    <row r="39" spans="2:22" s="219" customFormat="1" ht="16.5" customHeight="1">
      <c r="B39" s="348"/>
      <c r="C39" s="349" t="s">
        <v>28</v>
      </c>
      <c r="D39" s="350"/>
      <c r="E39" s="32"/>
      <c r="F39" s="91">
        <v>1190</v>
      </c>
      <c r="G39" s="91">
        <v>2404</v>
      </c>
      <c r="H39" s="91">
        <v>1219</v>
      </c>
      <c r="I39" s="98">
        <v>1185</v>
      </c>
      <c r="J39" s="123">
        <v>258</v>
      </c>
      <c r="K39" s="94">
        <v>1596</v>
      </c>
      <c r="L39" s="132">
        <v>496</v>
      </c>
      <c r="M39" s="351">
        <v>1232</v>
      </c>
      <c r="N39" s="96">
        <v>238</v>
      </c>
      <c r="O39" s="277">
        <v>0</v>
      </c>
      <c r="P39" s="97">
        <v>52.4</v>
      </c>
      <c r="T39" s="218"/>
      <c r="U39" s="218"/>
      <c r="V39" s="218"/>
    </row>
    <row r="40" spans="2:22" s="219" customFormat="1" ht="16.5" customHeight="1">
      <c r="B40" s="348"/>
      <c r="C40" s="349" t="s">
        <v>29</v>
      </c>
      <c r="D40" s="350"/>
      <c r="E40" s="32"/>
      <c r="F40" s="91">
        <v>558</v>
      </c>
      <c r="G40" s="91">
        <v>1614</v>
      </c>
      <c r="H40" s="91">
        <v>978</v>
      </c>
      <c r="I40" s="98">
        <v>636</v>
      </c>
      <c r="J40" s="123">
        <v>199</v>
      </c>
      <c r="K40" s="94">
        <v>1167</v>
      </c>
      <c r="L40" s="132">
        <v>246</v>
      </c>
      <c r="M40" s="351">
        <v>2177</v>
      </c>
      <c r="N40" s="96">
        <v>623</v>
      </c>
      <c r="O40" s="96">
        <v>789</v>
      </c>
      <c r="P40" s="97">
        <v>135</v>
      </c>
      <c r="T40" s="218"/>
      <c r="U40" s="218"/>
      <c r="V40" s="218"/>
    </row>
    <row r="41" spans="2:22" s="219" customFormat="1" ht="16.5" customHeight="1">
      <c r="B41" s="348"/>
      <c r="C41" s="349" t="s">
        <v>30</v>
      </c>
      <c r="D41" s="350"/>
      <c r="E41" s="32"/>
      <c r="F41" s="91">
        <v>929</v>
      </c>
      <c r="G41" s="91">
        <v>2282</v>
      </c>
      <c r="H41" s="91">
        <v>1095</v>
      </c>
      <c r="I41" s="98">
        <v>1187</v>
      </c>
      <c r="J41" s="123">
        <v>343</v>
      </c>
      <c r="K41" s="94">
        <v>1593</v>
      </c>
      <c r="L41" s="132">
        <v>345</v>
      </c>
      <c r="M41" s="351">
        <v>1155</v>
      </c>
      <c r="N41" s="96">
        <v>197</v>
      </c>
      <c r="O41" s="277">
        <v>0</v>
      </c>
      <c r="P41" s="97">
        <v>50.6</v>
      </c>
      <c r="T41" s="218"/>
      <c r="U41" s="218"/>
      <c r="V41" s="218"/>
    </row>
    <row r="42" spans="2:22" s="219" customFormat="1" ht="16.5" customHeight="1">
      <c r="B42" s="348" t="s">
        <v>498</v>
      </c>
      <c r="C42" s="349" t="s">
        <v>26</v>
      </c>
      <c r="D42" s="350"/>
      <c r="E42" s="32"/>
      <c r="F42" s="91">
        <v>857</v>
      </c>
      <c r="G42" s="91">
        <v>2230</v>
      </c>
      <c r="H42" s="91">
        <v>1093</v>
      </c>
      <c r="I42" s="98">
        <v>1137</v>
      </c>
      <c r="J42" s="123">
        <v>399</v>
      </c>
      <c r="K42" s="94">
        <v>1449</v>
      </c>
      <c r="L42" s="132">
        <v>382</v>
      </c>
      <c r="M42" s="351">
        <v>1525</v>
      </c>
      <c r="N42" s="96">
        <v>246</v>
      </c>
      <c r="O42" s="96">
        <v>313</v>
      </c>
      <c r="P42" s="97">
        <v>68.400000000000006</v>
      </c>
      <c r="T42" s="218"/>
      <c r="U42" s="218"/>
      <c r="V42" s="218"/>
    </row>
    <row r="43" spans="2:22" s="219" customFormat="1" ht="16.5" customHeight="1">
      <c r="B43" s="348"/>
      <c r="C43" s="349" t="s">
        <v>27</v>
      </c>
      <c r="D43" s="350"/>
      <c r="E43" s="32"/>
      <c r="F43" s="91">
        <v>701</v>
      </c>
      <c r="G43" s="91">
        <v>1972</v>
      </c>
      <c r="H43" s="91">
        <v>1003</v>
      </c>
      <c r="I43" s="98">
        <v>969</v>
      </c>
      <c r="J43" s="123">
        <v>439</v>
      </c>
      <c r="K43" s="94">
        <v>1341</v>
      </c>
      <c r="L43" s="132">
        <v>192</v>
      </c>
      <c r="M43" s="351">
        <v>1085</v>
      </c>
      <c r="N43" s="96">
        <v>211</v>
      </c>
      <c r="O43" s="277">
        <v>0</v>
      </c>
      <c r="P43" s="97">
        <v>55</v>
      </c>
      <c r="T43" s="218"/>
      <c r="U43" s="218"/>
      <c r="V43" s="218"/>
    </row>
    <row r="44" spans="2:22" s="219" customFormat="1" ht="16.5" customHeight="1">
      <c r="B44" s="348"/>
      <c r="C44" s="349" t="s">
        <v>28</v>
      </c>
      <c r="D44" s="350"/>
      <c r="E44" s="32"/>
      <c r="F44" s="91">
        <v>570</v>
      </c>
      <c r="G44" s="91">
        <v>1349</v>
      </c>
      <c r="H44" s="91">
        <v>683</v>
      </c>
      <c r="I44" s="98">
        <v>666</v>
      </c>
      <c r="J44" s="123">
        <v>248</v>
      </c>
      <c r="K44" s="94">
        <v>956</v>
      </c>
      <c r="L44" s="132">
        <v>145</v>
      </c>
      <c r="M44" s="351">
        <v>878</v>
      </c>
      <c r="N44" s="96">
        <v>313</v>
      </c>
      <c r="O44" s="277">
        <v>0</v>
      </c>
      <c r="P44" s="97">
        <v>65.099999999999994</v>
      </c>
      <c r="T44" s="218"/>
      <c r="U44" s="218"/>
      <c r="V44" s="218"/>
    </row>
    <row r="45" spans="2:22" s="219" customFormat="1" ht="16.5" customHeight="1">
      <c r="B45" s="348" t="s">
        <v>499</v>
      </c>
      <c r="C45" s="349" t="s">
        <v>26</v>
      </c>
      <c r="D45" s="350"/>
      <c r="E45" s="32"/>
      <c r="F45" s="91">
        <v>1039</v>
      </c>
      <c r="G45" s="91">
        <v>2230</v>
      </c>
      <c r="H45" s="91">
        <v>1142</v>
      </c>
      <c r="I45" s="98">
        <v>1088</v>
      </c>
      <c r="J45" s="123">
        <v>382</v>
      </c>
      <c r="K45" s="94">
        <v>1686</v>
      </c>
      <c r="L45" s="132">
        <v>155</v>
      </c>
      <c r="M45" s="351">
        <v>2143</v>
      </c>
      <c r="N45" s="96">
        <v>575</v>
      </c>
      <c r="O45" s="96">
        <v>614</v>
      </c>
      <c r="P45" s="97">
        <v>96.4</v>
      </c>
      <c r="T45" s="218"/>
      <c r="U45" s="218"/>
      <c r="V45" s="218"/>
    </row>
    <row r="46" spans="2:22" s="219" customFormat="1" ht="15.75" customHeight="1">
      <c r="B46" s="348"/>
      <c r="C46" s="349" t="s">
        <v>27</v>
      </c>
      <c r="D46" s="350"/>
      <c r="E46" s="32"/>
      <c r="F46" s="91">
        <v>2224</v>
      </c>
      <c r="G46" s="91">
        <v>4511</v>
      </c>
      <c r="H46" s="91">
        <v>2312</v>
      </c>
      <c r="I46" s="98">
        <v>2199</v>
      </c>
      <c r="J46" s="123">
        <v>516</v>
      </c>
      <c r="K46" s="94">
        <v>3413</v>
      </c>
      <c r="L46" s="132">
        <v>582</v>
      </c>
      <c r="M46" s="351">
        <v>3397</v>
      </c>
      <c r="N46" s="96">
        <v>924</v>
      </c>
      <c r="O46" s="277">
        <v>631</v>
      </c>
      <c r="P46" s="97">
        <v>75.3</v>
      </c>
      <c r="T46" s="218"/>
      <c r="U46" s="218"/>
      <c r="V46" s="218"/>
    </row>
    <row r="47" spans="2:22" s="219" customFormat="1" ht="15.75" customHeight="1">
      <c r="B47" s="348"/>
      <c r="C47" s="349" t="s">
        <v>28</v>
      </c>
      <c r="D47" s="350"/>
      <c r="E47" s="32"/>
      <c r="F47" s="91">
        <v>826</v>
      </c>
      <c r="G47" s="91">
        <v>1748</v>
      </c>
      <c r="H47" s="91">
        <v>905</v>
      </c>
      <c r="I47" s="98">
        <v>843</v>
      </c>
      <c r="J47" s="123">
        <v>270</v>
      </c>
      <c r="K47" s="94">
        <v>1284</v>
      </c>
      <c r="L47" s="132">
        <v>191</v>
      </c>
      <c r="M47" s="351">
        <v>1181</v>
      </c>
      <c r="N47" s="96">
        <v>374</v>
      </c>
      <c r="O47" s="277">
        <v>0</v>
      </c>
      <c r="P47" s="97">
        <v>67.7</v>
      </c>
      <c r="T47" s="218"/>
      <c r="U47" s="218"/>
      <c r="V47" s="218"/>
    </row>
    <row r="48" spans="2:22" s="219" customFormat="1" ht="15.75" customHeight="1">
      <c r="B48" s="348"/>
      <c r="C48" s="349" t="s">
        <v>29</v>
      </c>
      <c r="D48" s="350"/>
      <c r="E48" s="32"/>
      <c r="F48" s="91">
        <v>963</v>
      </c>
      <c r="G48" s="91">
        <v>1920</v>
      </c>
      <c r="H48" s="91">
        <v>956</v>
      </c>
      <c r="I48" s="98">
        <v>964</v>
      </c>
      <c r="J48" s="123">
        <v>271</v>
      </c>
      <c r="K48" s="94">
        <v>1416</v>
      </c>
      <c r="L48" s="132">
        <v>233</v>
      </c>
      <c r="M48" s="351">
        <v>1641</v>
      </c>
      <c r="N48" s="96">
        <v>806</v>
      </c>
      <c r="O48" s="277">
        <v>0</v>
      </c>
      <c r="P48" s="97">
        <v>85.5</v>
      </c>
      <c r="T48" s="218"/>
      <c r="U48" s="218"/>
      <c r="V48" s="218"/>
    </row>
    <row r="49" spans="1:22" s="219" customFormat="1" ht="15.75" customHeight="1">
      <c r="B49" s="348"/>
      <c r="C49" s="349" t="s">
        <v>30</v>
      </c>
      <c r="D49" s="350"/>
      <c r="E49" s="32"/>
      <c r="F49" s="91">
        <v>1429</v>
      </c>
      <c r="G49" s="91">
        <v>3521</v>
      </c>
      <c r="H49" s="91">
        <v>1720</v>
      </c>
      <c r="I49" s="98">
        <v>1801</v>
      </c>
      <c r="J49" s="123">
        <v>577</v>
      </c>
      <c r="K49" s="94">
        <v>2414</v>
      </c>
      <c r="L49" s="132">
        <v>528</v>
      </c>
      <c r="M49" s="351">
        <v>3123</v>
      </c>
      <c r="N49" s="96">
        <v>629</v>
      </c>
      <c r="O49" s="96">
        <v>1023</v>
      </c>
      <c r="P49" s="97">
        <v>88.7</v>
      </c>
      <c r="T49" s="218"/>
      <c r="U49" s="218"/>
      <c r="V49" s="218"/>
    </row>
    <row r="50" spans="1:22" s="219" customFormat="1" ht="15.75" customHeight="1">
      <c r="B50" s="348"/>
      <c r="C50" s="349" t="s">
        <v>31</v>
      </c>
      <c r="D50" s="350"/>
      <c r="E50" s="32"/>
      <c r="F50" s="91">
        <v>1468</v>
      </c>
      <c r="G50" s="91">
        <v>3132</v>
      </c>
      <c r="H50" s="91">
        <v>1542</v>
      </c>
      <c r="I50" s="98">
        <v>1590</v>
      </c>
      <c r="J50" s="123">
        <v>437</v>
      </c>
      <c r="K50" s="94">
        <v>2310</v>
      </c>
      <c r="L50" s="132">
        <v>385</v>
      </c>
      <c r="M50" s="351">
        <v>2821</v>
      </c>
      <c r="N50" s="96">
        <v>821</v>
      </c>
      <c r="O50" s="96">
        <v>667</v>
      </c>
      <c r="P50" s="97">
        <v>90.1</v>
      </c>
      <c r="T50" s="218"/>
      <c r="U50" s="218"/>
      <c r="V50" s="218"/>
    </row>
    <row r="51" spans="1:22" s="219" customFormat="1" ht="16.5" customHeight="1">
      <c r="B51" s="348"/>
      <c r="C51" s="349" t="s">
        <v>32</v>
      </c>
      <c r="D51" s="350"/>
      <c r="E51" s="32"/>
      <c r="F51" s="91">
        <v>2146</v>
      </c>
      <c r="G51" s="91">
        <v>4313</v>
      </c>
      <c r="H51" s="91">
        <v>2118</v>
      </c>
      <c r="I51" s="98">
        <v>2195</v>
      </c>
      <c r="J51" s="123">
        <v>573</v>
      </c>
      <c r="K51" s="94">
        <v>3021</v>
      </c>
      <c r="L51" s="132">
        <v>717</v>
      </c>
      <c r="M51" s="351">
        <v>3539</v>
      </c>
      <c r="N51" s="96">
        <v>1510</v>
      </c>
      <c r="O51" s="96">
        <v>109</v>
      </c>
      <c r="P51" s="97">
        <v>82.1</v>
      </c>
      <c r="T51" s="218"/>
      <c r="U51" s="218"/>
      <c r="V51" s="218"/>
    </row>
    <row r="52" spans="1:22" s="219" customFormat="1" ht="15.75" customHeight="1">
      <c r="B52" s="348" t="s">
        <v>500</v>
      </c>
      <c r="C52" s="349" t="s">
        <v>26</v>
      </c>
      <c r="D52" s="350"/>
      <c r="E52" s="32"/>
      <c r="F52" s="91">
        <v>1239</v>
      </c>
      <c r="G52" s="91">
        <v>2374</v>
      </c>
      <c r="H52" s="91">
        <v>1205</v>
      </c>
      <c r="I52" s="98">
        <v>1169</v>
      </c>
      <c r="J52" s="123">
        <v>302</v>
      </c>
      <c r="K52" s="94">
        <v>1795</v>
      </c>
      <c r="L52" s="132">
        <v>277</v>
      </c>
      <c r="M52" s="351">
        <v>1945</v>
      </c>
      <c r="N52" s="96">
        <v>938</v>
      </c>
      <c r="O52" s="277">
        <v>0</v>
      </c>
      <c r="P52" s="97">
        <v>81.900000000000006</v>
      </c>
      <c r="T52" s="218"/>
      <c r="U52" s="218"/>
      <c r="V52" s="218"/>
    </row>
    <row r="53" spans="1:22" s="219" customFormat="1" ht="14.25" customHeight="1">
      <c r="A53" s="220"/>
      <c r="B53" s="352"/>
      <c r="C53" s="353" t="s">
        <v>27</v>
      </c>
      <c r="D53" s="354"/>
      <c r="E53" s="40"/>
      <c r="F53" s="115">
        <v>1078</v>
      </c>
      <c r="G53" s="115">
        <v>1790</v>
      </c>
      <c r="H53" s="115">
        <v>951</v>
      </c>
      <c r="I53" s="114">
        <v>839</v>
      </c>
      <c r="J53" s="127">
        <v>161</v>
      </c>
      <c r="K53" s="118">
        <v>1364</v>
      </c>
      <c r="L53" s="276">
        <v>264</v>
      </c>
      <c r="M53" s="355">
        <v>2422</v>
      </c>
      <c r="N53" s="120">
        <v>1601</v>
      </c>
      <c r="O53" s="280">
        <v>0</v>
      </c>
      <c r="P53" s="122">
        <v>135.4</v>
      </c>
      <c r="T53" s="218"/>
      <c r="U53" s="218"/>
      <c r="V53" s="218"/>
    </row>
    <row r="54" spans="1:22" s="219" customFormat="1" ht="16.5" customHeight="1">
      <c r="B54" s="348" t="s">
        <v>501</v>
      </c>
      <c r="C54" s="349" t="s">
        <v>28</v>
      </c>
      <c r="D54" s="350"/>
      <c r="E54" s="32"/>
      <c r="F54" s="91">
        <v>1508</v>
      </c>
      <c r="G54" s="91">
        <v>2550</v>
      </c>
      <c r="H54" s="91">
        <v>1325</v>
      </c>
      <c r="I54" s="98">
        <v>1225</v>
      </c>
      <c r="J54" s="123">
        <v>257</v>
      </c>
      <c r="K54" s="94">
        <v>2010</v>
      </c>
      <c r="L54" s="132">
        <v>283</v>
      </c>
      <c r="M54" s="351">
        <v>1917</v>
      </c>
      <c r="N54" s="96">
        <v>705</v>
      </c>
      <c r="O54" s="277">
        <v>0</v>
      </c>
      <c r="P54" s="97">
        <v>75.2</v>
      </c>
      <c r="Q54" s="44"/>
      <c r="R54" s="44"/>
      <c r="S54" s="44"/>
    </row>
    <row r="55" spans="1:22" s="219" customFormat="1" ht="16.5" customHeight="1">
      <c r="B55" s="348"/>
      <c r="C55" s="349" t="s">
        <v>29</v>
      </c>
      <c r="D55" s="350"/>
      <c r="E55" s="32"/>
      <c r="F55" s="91">
        <v>1509</v>
      </c>
      <c r="G55" s="91">
        <v>2847</v>
      </c>
      <c r="H55" s="91">
        <v>1393</v>
      </c>
      <c r="I55" s="98">
        <v>1454</v>
      </c>
      <c r="J55" s="123">
        <v>326</v>
      </c>
      <c r="K55" s="94">
        <v>2108</v>
      </c>
      <c r="L55" s="132">
        <v>401</v>
      </c>
      <c r="M55" s="351">
        <v>2658</v>
      </c>
      <c r="N55" s="96">
        <v>958</v>
      </c>
      <c r="O55" s="96">
        <v>462</v>
      </c>
      <c r="P55" s="97">
        <v>93.8</v>
      </c>
      <c r="Q55" s="44"/>
      <c r="R55" s="44"/>
      <c r="S55" s="44"/>
    </row>
    <row r="56" spans="1:22" s="219" customFormat="1" ht="16.5" customHeight="1">
      <c r="B56" s="348"/>
      <c r="C56" s="349" t="s">
        <v>30</v>
      </c>
      <c r="D56" s="350"/>
      <c r="E56" s="32"/>
      <c r="F56" s="91">
        <v>1508</v>
      </c>
      <c r="G56" s="91">
        <v>2582</v>
      </c>
      <c r="H56" s="91">
        <v>1265</v>
      </c>
      <c r="I56" s="98">
        <v>1317</v>
      </c>
      <c r="J56" s="123">
        <v>290</v>
      </c>
      <c r="K56" s="94">
        <v>1981</v>
      </c>
      <c r="L56" s="132">
        <v>295</v>
      </c>
      <c r="M56" s="351">
        <v>2460</v>
      </c>
      <c r="N56" s="96">
        <v>1377</v>
      </c>
      <c r="O56" s="277">
        <v>0</v>
      </c>
      <c r="P56" s="97">
        <v>95.9</v>
      </c>
      <c r="Q56" s="44"/>
      <c r="R56" s="44"/>
      <c r="S56" s="44"/>
    </row>
    <row r="57" spans="1:22" s="219" customFormat="1" ht="16.5" customHeight="1">
      <c r="B57" s="348" t="s">
        <v>502</v>
      </c>
      <c r="C57" s="349" t="s">
        <v>308</v>
      </c>
      <c r="D57" s="350"/>
      <c r="E57" s="32"/>
      <c r="F57" s="91">
        <v>251</v>
      </c>
      <c r="G57" s="91">
        <v>414</v>
      </c>
      <c r="H57" s="91">
        <v>225</v>
      </c>
      <c r="I57" s="98">
        <v>189</v>
      </c>
      <c r="J57" s="123">
        <v>42</v>
      </c>
      <c r="K57" s="94">
        <v>325</v>
      </c>
      <c r="L57" s="132">
        <v>46</v>
      </c>
      <c r="M57" s="351">
        <v>2103</v>
      </c>
      <c r="N57" s="96">
        <v>1259</v>
      </c>
      <c r="O57" s="96">
        <v>715</v>
      </c>
      <c r="P57" s="97">
        <v>509.2</v>
      </c>
      <c r="Q57" s="44"/>
      <c r="R57" s="44"/>
      <c r="S57" s="44"/>
    </row>
    <row r="58" spans="1:22" s="219" customFormat="1" ht="16.5" customHeight="1">
      <c r="B58" s="348" t="s">
        <v>123</v>
      </c>
      <c r="C58" s="349" t="s">
        <v>27</v>
      </c>
      <c r="D58" s="350"/>
      <c r="E58" s="32"/>
      <c r="F58" s="91">
        <v>2091</v>
      </c>
      <c r="G58" s="91">
        <v>4133</v>
      </c>
      <c r="H58" s="91">
        <v>1992</v>
      </c>
      <c r="I58" s="98">
        <v>2141</v>
      </c>
      <c r="J58" s="123">
        <v>544</v>
      </c>
      <c r="K58" s="94">
        <v>2972</v>
      </c>
      <c r="L58" s="132">
        <v>617</v>
      </c>
      <c r="M58" s="351">
        <v>3094</v>
      </c>
      <c r="N58" s="96">
        <v>1013</v>
      </c>
      <c r="O58" s="96">
        <v>380</v>
      </c>
      <c r="P58" s="97">
        <v>74.900000000000006</v>
      </c>
      <c r="Q58" s="44"/>
      <c r="R58" s="44"/>
      <c r="S58" s="44"/>
    </row>
    <row r="59" spans="1:22" s="219" customFormat="1" ht="16.5" customHeight="1">
      <c r="B59" s="348"/>
      <c r="C59" s="349" t="s">
        <v>28</v>
      </c>
      <c r="D59" s="350"/>
      <c r="E59" s="32"/>
      <c r="F59" s="91">
        <v>1833</v>
      </c>
      <c r="G59" s="91">
        <v>3793</v>
      </c>
      <c r="H59" s="91">
        <v>1841</v>
      </c>
      <c r="I59" s="98">
        <v>1952</v>
      </c>
      <c r="J59" s="123">
        <v>548</v>
      </c>
      <c r="K59" s="94">
        <v>2796</v>
      </c>
      <c r="L59" s="132">
        <v>449</v>
      </c>
      <c r="M59" s="351">
        <v>2312</v>
      </c>
      <c r="N59" s="96">
        <v>778</v>
      </c>
      <c r="O59" s="277">
        <v>0</v>
      </c>
      <c r="P59" s="97">
        <v>61</v>
      </c>
      <c r="Q59" s="44"/>
      <c r="R59" s="44"/>
      <c r="S59" s="44"/>
    </row>
    <row r="60" spans="1:22" s="219" customFormat="1" ht="16.5" customHeight="1">
      <c r="B60" s="348" t="s">
        <v>503</v>
      </c>
      <c r="C60" s="349" t="s">
        <v>26</v>
      </c>
      <c r="D60" s="350"/>
      <c r="E60" s="32"/>
      <c r="F60" s="91">
        <v>475</v>
      </c>
      <c r="G60" s="91">
        <v>843</v>
      </c>
      <c r="H60" s="91">
        <v>419</v>
      </c>
      <c r="I60" s="98">
        <v>424</v>
      </c>
      <c r="J60" s="123">
        <v>65</v>
      </c>
      <c r="K60" s="94">
        <v>569</v>
      </c>
      <c r="L60" s="132">
        <v>209</v>
      </c>
      <c r="M60" s="351">
        <v>491</v>
      </c>
      <c r="N60" s="96">
        <v>110</v>
      </c>
      <c r="O60" s="277">
        <v>0</v>
      </c>
      <c r="P60" s="97">
        <v>58.2</v>
      </c>
      <c r="Q60" s="44"/>
      <c r="R60" s="44"/>
      <c r="S60" s="44"/>
    </row>
    <row r="61" spans="1:22" s="219" customFormat="1" ht="16.5" customHeight="1">
      <c r="B61" s="348"/>
      <c r="C61" s="349" t="s">
        <v>27</v>
      </c>
      <c r="D61" s="350"/>
      <c r="E61" s="32"/>
      <c r="F61" s="91">
        <v>868</v>
      </c>
      <c r="G61" s="91">
        <v>1811</v>
      </c>
      <c r="H61" s="91">
        <v>899</v>
      </c>
      <c r="I61" s="98">
        <v>912</v>
      </c>
      <c r="J61" s="123">
        <v>219</v>
      </c>
      <c r="K61" s="94">
        <v>1294</v>
      </c>
      <c r="L61" s="132">
        <v>298</v>
      </c>
      <c r="M61" s="351">
        <v>938</v>
      </c>
      <c r="N61" s="96">
        <v>178</v>
      </c>
      <c r="O61" s="277">
        <v>0</v>
      </c>
      <c r="P61" s="97">
        <v>51.8</v>
      </c>
      <c r="Q61" s="44"/>
      <c r="R61" s="44"/>
      <c r="S61" s="44"/>
    </row>
    <row r="62" spans="1:22" s="219" customFormat="1" ht="16.5" customHeight="1">
      <c r="B62" s="348"/>
      <c r="C62" s="349" t="s">
        <v>28</v>
      </c>
      <c r="D62" s="350"/>
      <c r="E62" s="32"/>
      <c r="F62" s="91">
        <v>1591</v>
      </c>
      <c r="G62" s="91">
        <v>3225</v>
      </c>
      <c r="H62" s="91">
        <v>1562</v>
      </c>
      <c r="I62" s="98">
        <v>1663</v>
      </c>
      <c r="J62" s="123">
        <v>358</v>
      </c>
      <c r="K62" s="94">
        <v>2441</v>
      </c>
      <c r="L62" s="132">
        <v>426</v>
      </c>
      <c r="M62" s="351">
        <v>2681</v>
      </c>
      <c r="N62" s="96">
        <v>1368</v>
      </c>
      <c r="O62" s="277">
        <v>0</v>
      </c>
      <c r="P62" s="97">
        <v>83.1</v>
      </c>
      <c r="Q62" s="44"/>
      <c r="R62" s="44"/>
      <c r="S62" s="44"/>
    </row>
    <row r="63" spans="1:22" s="219" customFormat="1" ht="16.5" customHeight="1">
      <c r="B63" s="348"/>
      <c r="C63" s="349" t="s">
        <v>29</v>
      </c>
      <c r="D63" s="350"/>
      <c r="E63" s="32"/>
      <c r="F63" s="91">
        <v>2161</v>
      </c>
      <c r="G63" s="91">
        <v>3829</v>
      </c>
      <c r="H63" s="91">
        <v>1891</v>
      </c>
      <c r="I63" s="98">
        <v>1938</v>
      </c>
      <c r="J63" s="123">
        <v>302</v>
      </c>
      <c r="K63" s="94">
        <v>2588</v>
      </c>
      <c r="L63" s="132">
        <v>901</v>
      </c>
      <c r="M63" s="351">
        <v>2524</v>
      </c>
      <c r="N63" s="96">
        <v>859</v>
      </c>
      <c r="O63" s="277">
        <v>0</v>
      </c>
      <c r="P63" s="97">
        <v>66.599999999999994</v>
      </c>
      <c r="Q63" s="44"/>
      <c r="R63" s="44"/>
      <c r="S63" s="44"/>
    </row>
    <row r="64" spans="1:22" s="219" customFormat="1" ht="16.5" customHeight="1">
      <c r="B64" s="348"/>
      <c r="C64" s="349" t="s">
        <v>30</v>
      </c>
      <c r="D64" s="350"/>
      <c r="E64" s="32"/>
      <c r="F64" s="91">
        <v>1437</v>
      </c>
      <c r="G64" s="91">
        <v>3112</v>
      </c>
      <c r="H64" s="91">
        <v>1551</v>
      </c>
      <c r="I64" s="98">
        <v>1561</v>
      </c>
      <c r="J64" s="123">
        <v>423</v>
      </c>
      <c r="K64" s="94">
        <v>2255</v>
      </c>
      <c r="L64" s="132">
        <v>421</v>
      </c>
      <c r="M64" s="351">
        <v>2320</v>
      </c>
      <c r="N64" s="96">
        <v>895</v>
      </c>
      <c r="O64" s="96">
        <v>353</v>
      </c>
      <c r="P64" s="97">
        <v>74.900000000000006</v>
      </c>
      <c r="Q64" s="44"/>
      <c r="R64" s="44"/>
      <c r="S64" s="44"/>
    </row>
    <row r="65" spans="2:19" s="219" customFormat="1" ht="16.5" customHeight="1">
      <c r="B65" s="348" t="s">
        <v>123</v>
      </c>
      <c r="C65" s="349" t="s">
        <v>31</v>
      </c>
      <c r="D65" s="350"/>
      <c r="E65" s="32"/>
      <c r="F65" s="91">
        <v>872</v>
      </c>
      <c r="G65" s="91">
        <v>1642</v>
      </c>
      <c r="H65" s="91">
        <v>830</v>
      </c>
      <c r="I65" s="98">
        <v>812</v>
      </c>
      <c r="J65" s="123">
        <v>166</v>
      </c>
      <c r="K65" s="94">
        <v>1230</v>
      </c>
      <c r="L65" s="132">
        <v>231</v>
      </c>
      <c r="M65" s="351">
        <v>1497</v>
      </c>
      <c r="N65" s="96">
        <v>821</v>
      </c>
      <c r="O65" s="277">
        <v>0</v>
      </c>
      <c r="P65" s="97">
        <v>92</v>
      </c>
      <c r="Q65" s="44"/>
      <c r="R65" s="44"/>
      <c r="S65" s="44"/>
    </row>
    <row r="66" spans="2:19" s="219" customFormat="1" ht="16.5" customHeight="1">
      <c r="B66" s="348" t="s">
        <v>504</v>
      </c>
      <c r="C66" s="349" t="s">
        <v>26</v>
      </c>
      <c r="D66" s="350"/>
      <c r="E66" s="32"/>
      <c r="F66" s="91">
        <v>855</v>
      </c>
      <c r="G66" s="91">
        <v>2034</v>
      </c>
      <c r="H66" s="91">
        <v>939</v>
      </c>
      <c r="I66" s="98">
        <v>1095</v>
      </c>
      <c r="J66" s="123">
        <v>286</v>
      </c>
      <c r="K66" s="94">
        <v>1284</v>
      </c>
      <c r="L66" s="132">
        <v>464</v>
      </c>
      <c r="M66" s="351">
        <v>1188</v>
      </c>
      <c r="N66" s="96">
        <v>252</v>
      </c>
      <c r="O66" s="277">
        <v>0</v>
      </c>
      <c r="P66" s="97">
        <v>58.4</v>
      </c>
      <c r="Q66" s="44"/>
      <c r="R66" s="44"/>
      <c r="S66" s="44"/>
    </row>
    <row r="67" spans="2:19" s="219" customFormat="1" ht="16.5" customHeight="1">
      <c r="B67" s="348"/>
      <c r="C67" s="349" t="s">
        <v>27</v>
      </c>
      <c r="D67" s="350"/>
      <c r="E67" s="32"/>
      <c r="F67" s="91">
        <v>872</v>
      </c>
      <c r="G67" s="91">
        <v>2057</v>
      </c>
      <c r="H67" s="91">
        <v>1044</v>
      </c>
      <c r="I67" s="98">
        <v>1013</v>
      </c>
      <c r="J67" s="123">
        <v>313</v>
      </c>
      <c r="K67" s="94">
        <v>1462</v>
      </c>
      <c r="L67" s="132">
        <v>272</v>
      </c>
      <c r="M67" s="351">
        <v>1914</v>
      </c>
      <c r="N67" s="96">
        <v>1025</v>
      </c>
      <c r="O67" s="277">
        <v>0</v>
      </c>
      <c r="P67" s="97">
        <v>93.5</v>
      </c>
      <c r="Q67" s="44"/>
      <c r="R67" s="44"/>
      <c r="S67" s="44"/>
    </row>
    <row r="68" spans="2:19" s="219" customFormat="1" ht="16.5" customHeight="1">
      <c r="B68" s="348"/>
      <c r="C68" s="349" t="s">
        <v>28</v>
      </c>
      <c r="D68" s="350"/>
      <c r="E68" s="32"/>
      <c r="F68" s="91">
        <v>1130</v>
      </c>
      <c r="G68" s="91">
        <v>2359</v>
      </c>
      <c r="H68" s="91">
        <v>1200</v>
      </c>
      <c r="I68" s="98">
        <v>1159</v>
      </c>
      <c r="J68" s="123">
        <v>319</v>
      </c>
      <c r="K68" s="94">
        <v>1722</v>
      </c>
      <c r="L68" s="132">
        <v>312</v>
      </c>
      <c r="M68" s="351">
        <v>1752</v>
      </c>
      <c r="N68" s="96">
        <v>757</v>
      </c>
      <c r="O68" s="277">
        <v>0</v>
      </c>
      <c r="P68" s="97">
        <v>74.5</v>
      </c>
      <c r="Q68" s="44"/>
      <c r="R68" s="44"/>
      <c r="S68" s="44"/>
    </row>
    <row r="69" spans="2:19" s="219" customFormat="1" ht="16.5" customHeight="1">
      <c r="B69" s="348"/>
      <c r="C69" s="349" t="s">
        <v>29</v>
      </c>
      <c r="D69" s="350"/>
      <c r="E69" s="32"/>
      <c r="F69" s="91">
        <v>812</v>
      </c>
      <c r="G69" s="91">
        <v>1468</v>
      </c>
      <c r="H69" s="91">
        <v>780</v>
      </c>
      <c r="I69" s="98">
        <v>688</v>
      </c>
      <c r="J69" s="123">
        <v>199</v>
      </c>
      <c r="K69" s="94">
        <v>1157</v>
      </c>
      <c r="L69" s="132">
        <v>110</v>
      </c>
      <c r="M69" s="351">
        <v>1608</v>
      </c>
      <c r="N69" s="96">
        <v>909</v>
      </c>
      <c r="O69" s="277">
        <v>0</v>
      </c>
      <c r="P69" s="97">
        <v>109.7</v>
      </c>
      <c r="Q69" s="44"/>
      <c r="R69" s="44"/>
      <c r="S69" s="44"/>
    </row>
    <row r="70" spans="2:19" s="219" customFormat="1" ht="16.5" customHeight="1">
      <c r="B70" s="348"/>
      <c r="C70" s="349" t="s">
        <v>30</v>
      </c>
      <c r="D70" s="350"/>
      <c r="E70" s="32"/>
      <c r="F70" s="91">
        <v>245</v>
      </c>
      <c r="G70" s="91">
        <v>444</v>
      </c>
      <c r="H70" s="91">
        <v>219</v>
      </c>
      <c r="I70" s="98">
        <v>225</v>
      </c>
      <c r="J70" s="123">
        <v>21</v>
      </c>
      <c r="K70" s="94">
        <v>292</v>
      </c>
      <c r="L70" s="132">
        <v>131</v>
      </c>
      <c r="M70" s="351">
        <v>310</v>
      </c>
      <c r="N70" s="96">
        <v>95</v>
      </c>
      <c r="O70" s="277">
        <v>0</v>
      </c>
      <c r="P70" s="97">
        <v>69.8</v>
      </c>
      <c r="Q70" s="44"/>
      <c r="R70" s="44"/>
      <c r="S70" s="44"/>
    </row>
    <row r="71" spans="2:19" s="219" customFormat="1" ht="16.5" customHeight="1">
      <c r="B71" s="348"/>
      <c r="C71" s="349" t="s">
        <v>31</v>
      </c>
      <c r="D71" s="350"/>
      <c r="E71" s="32"/>
      <c r="F71" s="91">
        <v>922</v>
      </c>
      <c r="G71" s="91">
        <v>1682</v>
      </c>
      <c r="H71" s="91">
        <v>842</v>
      </c>
      <c r="I71" s="98">
        <v>840</v>
      </c>
      <c r="J71" s="123">
        <v>132</v>
      </c>
      <c r="K71" s="94">
        <v>1167</v>
      </c>
      <c r="L71" s="132">
        <v>383</v>
      </c>
      <c r="M71" s="351">
        <v>2444</v>
      </c>
      <c r="N71" s="96">
        <v>974</v>
      </c>
      <c r="O71" s="96">
        <v>681</v>
      </c>
      <c r="P71" s="97">
        <v>145.30000000000001</v>
      </c>
      <c r="Q71" s="44"/>
      <c r="R71" s="44"/>
      <c r="S71" s="44"/>
    </row>
    <row r="72" spans="2:19" s="219" customFormat="1" ht="16.5" customHeight="1">
      <c r="B72" s="348"/>
      <c r="C72" s="349" t="s">
        <v>32</v>
      </c>
      <c r="D72" s="350"/>
      <c r="E72" s="32"/>
      <c r="F72" s="91">
        <v>1146</v>
      </c>
      <c r="G72" s="91">
        <v>1695</v>
      </c>
      <c r="H72" s="91">
        <v>821</v>
      </c>
      <c r="I72" s="98">
        <v>874</v>
      </c>
      <c r="J72" s="123">
        <v>126</v>
      </c>
      <c r="K72" s="94">
        <v>1324</v>
      </c>
      <c r="L72" s="132">
        <v>245</v>
      </c>
      <c r="M72" s="351">
        <v>1414</v>
      </c>
      <c r="N72" s="96">
        <v>740</v>
      </c>
      <c r="O72" s="277">
        <v>0</v>
      </c>
      <c r="P72" s="97">
        <v>83.4</v>
      </c>
      <c r="Q72" s="44"/>
      <c r="R72" s="44"/>
      <c r="S72" s="44"/>
    </row>
    <row r="73" spans="2:19" s="219" customFormat="1" ht="16.5" customHeight="1">
      <c r="B73" s="348" t="s">
        <v>505</v>
      </c>
      <c r="C73" s="349" t="s">
        <v>26</v>
      </c>
      <c r="D73" s="350"/>
      <c r="E73" s="32"/>
      <c r="F73" s="91">
        <v>1843</v>
      </c>
      <c r="G73" s="91">
        <v>4584</v>
      </c>
      <c r="H73" s="91">
        <v>2172</v>
      </c>
      <c r="I73" s="98">
        <v>2412</v>
      </c>
      <c r="J73" s="123">
        <v>409</v>
      </c>
      <c r="K73" s="94">
        <v>3112</v>
      </c>
      <c r="L73" s="132">
        <v>1061</v>
      </c>
      <c r="M73" s="351">
        <v>2949</v>
      </c>
      <c r="N73" s="96">
        <v>822</v>
      </c>
      <c r="O73" s="277">
        <v>0</v>
      </c>
      <c r="P73" s="97">
        <v>64.400000000000006</v>
      </c>
      <c r="Q73" s="44"/>
      <c r="R73" s="44"/>
      <c r="S73" s="44"/>
    </row>
    <row r="74" spans="2:19" s="219" customFormat="1" ht="16.5" customHeight="1">
      <c r="B74" s="348"/>
      <c r="C74" s="349" t="s">
        <v>27</v>
      </c>
      <c r="D74" s="350"/>
      <c r="E74" s="32"/>
      <c r="F74" s="91">
        <v>558</v>
      </c>
      <c r="G74" s="91">
        <v>1196</v>
      </c>
      <c r="H74" s="91">
        <v>561</v>
      </c>
      <c r="I74" s="98">
        <v>635</v>
      </c>
      <c r="J74" s="123">
        <v>108</v>
      </c>
      <c r="K74" s="94">
        <v>780</v>
      </c>
      <c r="L74" s="132">
        <v>308</v>
      </c>
      <c r="M74" s="351">
        <v>873</v>
      </c>
      <c r="N74" s="96">
        <v>283</v>
      </c>
      <c r="O74" s="277">
        <v>0</v>
      </c>
      <c r="P74" s="97">
        <v>73</v>
      </c>
      <c r="Q74" s="44"/>
      <c r="R74" s="44"/>
      <c r="S74" s="44"/>
    </row>
    <row r="75" spans="2:19" s="219" customFormat="1" ht="16.5" customHeight="1">
      <c r="B75" s="348"/>
      <c r="C75" s="349" t="s">
        <v>28</v>
      </c>
      <c r="D75" s="350"/>
      <c r="E75" s="32"/>
      <c r="F75" s="91">
        <v>658</v>
      </c>
      <c r="G75" s="91">
        <v>1239</v>
      </c>
      <c r="H75" s="91">
        <v>535</v>
      </c>
      <c r="I75" s="98">
        <v>704</v>
      </c>
      <c r="J75" s="123">
        <v>118</v>
      </c>
      <c r="K75" s="94">
        <v>733</v>
      </c>
      <c r="L75" s="132">
        <v>388</v>
      </c>
      <c r="M75" s="351">
        <v>1296</v>
      </c>
      <c r="N75" s="96">
        <v>180</v>
      </c>
      <c r="O75" s="96">
        <v>454</v>
      </c>
      <c r="P75" s="97">
        <v>104.6</v>
      </c>
      <c r="Q75" s="44"/>
      <c r="R75" s="44"/>
      <c r="S75" s="44"/>
    </row>
    <row r="76" spans="2:19" s="219" customFormat="1" ht="16.5" customHeight="1">
      <c r="B76" s="348"/>
      <c r="C76" s="349" t="s">
        <v>29</v>
      </c>
      <c r="D76" s="350"/>
      <c r="E76" s="32"/>
      <c r="F76" s="91">
        <v>849</v>
      </c>
      <c r="G76" s="91">
        <v>1451</v>
      </c>
      <c r="H76" s="91">
        <v>679</v>
      </c>
      <c r="I76" s="98">
        <v>772</v>
      </c>
      <c r="J76" s="123">
        <v>105</v>
      </c>
      <c r="K76" s="94">
        <v>957</v>
      </c>
      <c r="L76" s="132">
        <v>389</v>
      </c>
      <c r="M76" s="351">
        <v>1929</v>
      </c>
      <c r="N76" s="96">
        <v>1270</v>
      </c>
      <c r="O76" s="277">
        <v>0</v>
      </c>
      <c r="P76" s="97">
        <v>132.9</v>
      </c>
      <c r="Q76" s="44"/>
      <c r="R76" s="44"/>
      <c r="S76" s="44"/>
    </row>
    <row r="77" spans="2:19" s="219" customFormat="1" ht="16.5" customHeight="1">
      <c r="B77" s="348"/>
      <c r="C77" s="349" t="s">
        <v>30</v>
      </c>
      <c r="D77" s="350"/>
      <c r="E77" s="32"/>
      <c r="F77" s="91">
        <v>389</v>
      </c>
      <c r="G77" s="91">
        <v>794</v>
      </c>
      <c r="H77" s="91">
        <v>373</v>
      </c>
      <c r="I77" s="98">
        <v>421</v>
      </c>
      <c r="J77" s="123">
        <v>79</v>
      </c>
      <c r="K77" s="94">
        <v>495</v>
      </c>
      <c r="L77" s="132">
        <v>220</v>
      </c>
      <c r="M77" s="351">
        <v>509</v>
      </c>
      <c r="N77" s="96">
        <v>124</v>
      </c>
      <c r="O77" s="277">
        <v>0</v>
      </c>
      <c r="P77" s="97">
        <v>64.099999999999994</v>
      </c>
      <c r="Q77" s="44"/>
      <c r="R77" s="44"/>
      <c r="S77" s="44"/>
    </row>
    <row r="78" spans="2:19" s="219" customFormat="1" ht="16.5" customHeight="1">
      <c r="B78" s="348" t="s">
        <v>506</v>
      </c>
      <c r="C78" s="349" t="s">
        <v>26</v>
      </c>
      <c r="D78" s="350"/>
      <c r="E78" s="32"/>
      <c r="F78" s="91">
        <v>875</v>
      </c>
      <c r="G78" s="91">
        <v>1701</v>
      </c>
      <c r="H78" s="91">
        <v>864</v>
      </c>
      <c r="I78" s="98">
        <v>837</v>
      </c>
      <c r="J78" s="123">
        <v>154</v>
      </c>
      <c r="K78" s="94">
        <v>1193</v>
      </c>
      <c r="L78" s="132">
        <v>354</v>
      </c>
      <c r="M78" s="351">
        <v>943</v>
      </c>
      <c r="N78" s="96">
        <v>177</v>
      </c>
      <c r="O78" s="277">
        <v>0</v>
      </c>
      <c r="P78" s="97">
        <v>55.4</v>
      </c>
      <c r="Q78" s="44"/>
      <c r="R78" s="44"/>
      <c r="S78" s="44"/>
    </row>
    <row r="79" spans="2:19" s="219" customFormat="1" ht="16.5" customHeight="1">
      <c r="B79" s="348"/>
      <c r="C79" s="349" t="s">
        <v>27</v>
      </c>
      <c r="D79" s="350"/>
      <c r="E79" s="32"/>
      <c r="F79" s="91">
        <v>647</v>
      </c>
      <c r="G79" s="91">
        <v>1233</v>
      </c>
      <c r="H79" s="91">
        <v>560</v>
      </c>
      <c r="I79" s="98">
        <v>673</v>
      </c>
      <c r="J79" s="123">
        <v>87</v>
      </c>
      <c r="K79" s="94">
        <v>797</v>
      </c>
      <c r="L79" s="132">
        <v>348</v>
      </c>
      <c r="M79" s="351">
        <v>2238</v>
      </c>
      <c r="N79" s="96">
        <v>1591</v>
      </c>
      <c r="O79" s="277">
        <v>0</v>
      </c>
      <c r="P79" s="97">
        <v>181.7</v>
      </c>
      <c r="Q79" s="44"/>
      <c r="R79" s="44"/>
      <c r="S79" s="44"/>
    </row>
    <row r="80" spans="2:19" s="219" customFormat="1" ht="16.5" customHeight="1">
      <c r="B80" s="348"/>
      <c r="C80" s="349" t="s">
        <v>28</v>
      </c>
      <c r="D80" s="350"/>
      <c r="E80" s="32"/>
      <c r="F80" s="91">
        <v>1490</v>
      </c>
      <c r="G80" s="91">
        <v>2736</v>
      </c>
      <c r="H80" s="91">
        <v>1341</v>
      </c>
      <c r="I80" s="98">
        <v>1395</v>
      </c>
      <c r="J80" s="123">
        <v>220</v>
      </c>
      <c r="K80" s="94">
        <v>1808</v>
      </c>
      <c r="L80" s="132">
        <v>708</v>
      </c>
      <c r="M80" s="351">
        <v>1989</v>
      </c>
      <c r="N80" s="96">
        <v>518</v>
      </c>
      <c r="O80" s="277">
        <v>0</v>
      </c>
      <c r="P80" s="97">
        <v>72.7</v>
      </c>
      <c r="Q80" s="44"/>
      <c r="R80" s="44"/>
      <c r="S80" s="44"/>
    </row>
    <row r="81" spans="2:19" s="219" customFormat="1" ht="16.5" customHeight="1">
      <c r="B81" s="348"/>
      <c r="C81" s="349" t="s">
        <v>29</v>
      </c>
      <c r="D81" s="350"/>
      <c r="E81" s="32"/>
      <c r="F81" s="91">
        <v>937</v>
      </c>
      <c r="G81" s="91">
        <v>1778</v>
      </c>
      <c r="H81" s="91">
        <v>848</v>
      </c>
      <c r="I81" s="98">
        <v>930</v>
      </c>
      <c r="J81" s="123">
        <v>130</v>
      </c>
      <c r="K81" s="94">
        <v>1178</v>
      </c>
      <c r="L81" s="132">
        <v>470</v>
      </c>
      <c r="M81" s="351">
        <v>2957</v>
      </c>
      <c r="N81" s="96">
        <v>2222</v>
      </c>
      <c r="O81" s="277">
        <v>0</v>
      </c>
      <c r="P81" s="97">
        <v>166.3</v>
      </c>
      <c r="Q81" s="44"/>
      <c r="R81" s="44"/>
      <c r="S81" s="44"/>
    </row>
    <row r="82" spans="2:19" s="219" customFormat="1" ht="16.5" customHeight="1">
      <c r="B82" s="348"/>
      <c r="C82" s="349" t="s">
        <v>30</v>
      </c>
      <c r="D82" s="350"/>
      <c r="E82" s="32"/>
      <c r="F82" s="91">
        <v>1150</v>
      </c>
      <c r="G82" s="91">
        <v>2027</v>
      </c>
      <c r="H82" s="91">
        <v>1032</v>
      </c>
      <c r="I82" s="98">
        <v>995</v>
      </c>
      <c r="J82" s="123">
        <v>158</v>
      </c>
      <c r="K82" s="94">
        <v>1362</v>
      </c>
      <c r="L82" s="132">
        <v>507</v>
      </c>
      <c r="M82" s="351">
        <v>1369</v>
      </c>
      <c r="N82" s="96">
        <v>426</v>
      </c>
      <c r="O82" s="277">
        <v>0</v>
      </c>
      <c r="P82" s="97">
        <v>67.5</v>
      </c>
      <c r="Q82" s="44"/>
      <c r="R82" s="44"/>
      <c r="S82" s="44"/>
    </row>
    <row r="83" spans="2:19" s="219" customFormat="1" ht="16.5" customHeight="1">
      <c r="B83" s="348" t="s">
        <v>507</v>
      </c>
      <c r="C83" s="349" t="s">
        <v>26</v>
      </c>
      <c r="D83" s="350"/>
      <c r="E83" s="32"/>
      <c r="F83" s="91">
        <v>1475</v>
      </c>
      <c r="G83" s="91">
        <v>2086</v>
      </c>
      <c r="H83" s="91">
        <v>1105</v>
      </c>
      <c r="I83" s="98">
        <v>981</v>
      </c>
      <c r="J83" s="123">
        <v>134</v>
      </c>
      <c r="K83" s="94">
        <v>1626</v>
      </c>
      <c r="L83" s="132">
        <v>326</v>
      </c>
      <c r="M83" s="351">
        <v>2967</v>
      </c>
      <c r="N83" s="96">
        <v>1615</v>
      </c>
      <c r="O83" s="96">
        <v>183</v>
      </c>
      <c r="P83" s="97">
        <v>142.19999999999999</v>
      </c>
      <c r="Q83" s="44"/>
      <c r="R83" s="44"/>
      <c r="S83" s="44"/>
    </row>
    <row r="84" spans="2:19" s="219" customFormat="1" ht="16.5" customHeight="1">
      <c r="B84" s="348"/>
      <c r="C84" s="349" t="s">
        <v>27</v>
      </c>
      <c r="D84" s="350"/>
      <c r="E84" s="32"/>
      <c r="F84" s="91">
        <v>606</v>
      </c>
      <c r="G84" s="91">
        <v>1277</v>
      </c>
      <c r="H84" s="91">
        <v>651</v>
      </c>
      <c r="I84" s="98">
        <v>626</v>
      </c>
      <c r="J84" s="123">
        <v>146</v>
      </c>
      <c r="K84" s="94">
        <v>792</v>
      </c>
      <c r="L84" s="132">
        <v>339</v>
      </c>
      <c r="M84" s="351">
        <v>1010</v>
      </c>
      <c r="N84" s="96">
        <v>347</v>
      </c>
      <c r="O84" s="277">
        <v>0</v>
      </c>
      <c r="P84" s="97">
        <v>79.099999999999994</v>
      </c>
      <c r="Q84" s="44"/>
      <c r="R84" s="44"/>
      <c r="S84" s="44"/>
    </row>
    <row r="85" spans="2:19" s="219" customFormat="1" ht="16.5" customHeight="1">
      <c r="B85" s="348"/>
      <c r="C85" s="349" t="s">
        <v>28</v>
      </c>
      <c r="D85" s="350"/>
      <c r="E85" s="32"/>
      <c r="F85" s="91">
        <v>1573</v>
      </c>
      <c r="G85" s="91">
        <v>2910</v>
      </c>
      <c r="H85" s="91">
        <v>1505</v>
      </c>
      <c r="I85" s="98">
        <v>1405</v>
      </c>
      <c r="J85" s="123">
        <v>242</v>
      </c>
      <c r="K85" s="94">
        <v>2008</v>
      </c>
      <c r="L85" s="132">
        <v>651</v>
      </c>
      <c r="M85" s="351">
        <v>2512</v>
      </c>
      <c r="N85" s="96">
        <v>868</v>
      </c>
      <c r="O85" s="96">
        <v>342</v>
      </c>
      <c r="P85" s="97">
        <v>86.6</v>
      </c>
      <c r="Q85" s="44"/>
      <c r="R85" s="44"/>
      <c r="S85" s="44"/>
    </row>
    <row r="86" spans="2:19" s="219" customFormat="1" ht="16.5" customHeight="1">
      <c r="B86" s="348"/>
      <c r="C86" s="349" t="s">
        <v>29</v>
      </c>
      <c r="D86" s="350"/>
      <c r="E86" s="32"/>
      <c r="F86" s="91">
        <v>929</v>
      </c>
      <c r="G86" s="91">
        <v>1628</v>
      </c>
      <c r="H86" s="91">
        <v>841</v>
      </c>
      <c r="I86" s="98">
        <v>787</v>
      </c>
      <c r="J86" s="123">
        <v>98</v>
      </c>
      <c r="K86" s="94">
        <v>1108</v>
      </c>
      <c r="L86" s="132">
        <v>422</v>
      </c>
      <c r="M86" s="351">
        <v>1743</v>
      </c>
      <c r="N86" s="96">
        <v>610</v>
      </c>
      <c r="O86" s="96">
        <v>331</v>
      </c>
      <c r="P86" s="97">
        <v>107.1</v>
      </c>
      <c r="Q86" s="44"/>
      <c r="R86" s="44"/>
      <c r="S86" s="44"/>
    </row>
    <row r="87" spans="2:19" s="219" customFormat="1" ht="16.5" customHeight="1">
      <c r="B87" s="348"/>
      <c r="C87" s="349" t="s">
        <v>30</v>
      </c>
      <c r="D87" s="350"/>
      <c r="E87" s="32"/>
      <c r="F87" s="91">
        <v>936</v>
      </c>
      <c r="G87" s="91">
        <v>1712</v>
      </c>
      <c r="H87" s="91">
        <v>891</v>
      </c>
      <c r="I87" s="98">
        <v>821</v>
      </c>
      <c r="J87" s="123">
        <v>203</v>
      </c>
      <c r="K87" s="94">
        <v>1189</v>
      </c>
      <c r="L87" s="132">
        <v>320</v>
      </c>
      <c r="M87" s="351">
        <v>1624</v>
      </c>
      <c r="N87" s="96">
        <v>643</v>
      </c>
      <c r="O87" s="96">
        <v>288</v>
      </c>
      <c r="P87" s="97">
        <v>94.9</v>
      </c>
      <c r="Q87" s="44"/>
      <c r="R87" s="44"/>
      <c r="S87" s="44"/>
    </row>
    <row r="88" spans="2:19" s="219" customFormat="1" ht="16.5" customHeight="1">
      <c r="B88" s="348"/>
      <c r="C88" s="349" t="s">
        <v>31</v>
      </c>
      <c r="D88" s="350"/>
      <c r="E88" s="32"/>
      <c r="F88" s="91">
        <v>669</v>
      </c>
      <c r="G88" s="91">
        <v>1674</v>
      </c>
      <c r="H88" s="91">
        <v>785</v>
      </c>
      <c r="I88" s="98">
        <v>889</v>
      </c>
      <c r="J88" s="123">
        <v>203</v>
      </c>
      <c r="K88" s="94">
        <v>1148</v>
      </c>
      <c r="L88" s="132">
        <v>323</v>
      </c>
      <c r="M88" s="351">
        <v>1269</v>
      </c>
      <c r="N88" s="96">
        <v>624</v>
      </c>
      <c r="O88" s="277">
        <v>0</v>
      </c>
      <c r="P88" s="97">
        <v>75.8</v>
      </c>
      <c r="Q88" s="44"/>
      <c r="R88" s="44"/>
      <c r="S88" s="44"/>
    </row>
    <row r="89" spans="2:19" s="219" customFormat="1" ht="16.5" customHeight="1">
      <c r="B89" s="348" t="s">
        <v>508</v>
      </c>
      <c r="C89" s="349" t="s">
        <v>26</v>
      </c>
      <c r="D89" s="350"/>
      <c r="E89" s="32"/>
      <c r="F89" s="91">
        <v>2787</v>
      </c>
      <c r="G89" s="91">
        <v>3333</v>
      </c>
      <c r="H89" s="91">
        <v>2013</v>
      </c>
      <c r="I89" s="98">
        <v>1320</v>
      </c>
      <c r="J89" s="123">
        <v>94</v>
      </c>
      <c r="K89" s="94">
        <v>2900</v>
      </c>
      <c r="L89" s="132">
        <v>263</v>
      </c>
      <c r="M89" s="351">
        <v>5944</v>
      </c>
      <c r="N89" s="96">
        <v>4225</v>
      </c>
      <c r="O89" s="277">
        <v>0</v>
      </c>
      <c r="P89" s="97">
        <v>182.5</v>
      </c>
      <c r="Q89" s="44"/>
      <c r="R89" s="44"/>
      <c r="S89" s="44"/>
    </row>
    <row r="90" spans="2:19" s="219" customFormat="1" ht="16.5" customHeight="1">
      <c r="B90" s="348"/>
      <c r="C90" s="349" t="s">
        <v>27</v>
      </c>
      <c r="D90" s="350"/>
      <c r="E90" s="32"/>
      <c r="F90" s="91">
        <v>1097</v>
      </c>
      <c r="G90" s="91">
        <v>1746</v>
      </c>
      <c r="H90" s="91">
        <v>919</v>
      </c>
      <c r="I90" s="98">
        <v>827</v>
      </c>
      <c r="J90" s="123">
        <v>142</v>
      </c>
      <c r="K90" s="94">
        <v>1345</v>
      </c>
      <c r="L90" s="132">
        <v>256</v>
      </c>
      <c r="M90" s="351">
        <v>1719</v>
      </c>
      <c r="N90" s="96">
        <v>704</v>
      </c>
      <c r="O90" s="277">
        <v>0</v>
      </c>
      <c r="P90" s="97">
        <v>98.6</v>
      </c>
      <c r="Q90" s="44"/>
      <c r="R90" s="44"/>
      <c r="S90" s="44"/>
    </row>
    <row r="91" spans="2:19" s="219" customFormat="1" ht="15" customHeight="1">
      <c r="B91" s="348"/>
      <c r="C91" s="349" t="s">
        <v>28</v>
      </c>
      <c r="D91" s="350"/>
      <c r="E91" s="32"/>
      <c r="F91" s="91">
        <v>734</v>
      </c>
      <c r="G91" s="91">
        <v>1320</v>
      </c>
      <c r="H91" s="91">
        <v>655</v>
      </c>
      <c r="I91" s="98">
        <v>665</v>
      </c>
      <c r="J91" s="123">
        <v>130</v>
      </c>
      <c r="K91" s="94">
        <v>920</v>
      </c>
      <c r="L91" s="132">
        <v>270</v>
      </c>
      <c r="M91" s="351">
        <v>1078</v>
      </c>
      <c r="N91" s="96">
        <v>370</v>
      </c>
      <c r="O91" s="96">
        <v>106</v>
      </c>
      <c r="P91" s="97">
        <v>81.7</v>
      </c>
      <c r="Q91" s="44"/>
      <c r="R91" s="44"/>
      <c r="S91" s="44"/>
    </row>
    <row r="92" spans="2:19" s="219" customFormat="1" ht="15" customHeight="1">
      <c r="B92" s="348"/>
      <c r="C92" s="349" t="s">
        <v>29</v>
      </c>
      <c r="D92" s="350"/>
      <c r="E92" s="32"/>
      <c r="F92" s="91">
        <v>877</v>
      </c>
      <c r="G92" s="91">
        <v>1302</v>
      </c>
      <c r="H92" s="91">
        <v>677</v>
      </c>
      <c r="I92" s="98">
        <v>625</v>
      </c>
      <c r="J92" s="123">
        <v>89</v>
      </c>
      <c r="K92" s="94">
        <v>998</v>
      </c>
      <c r="L92" s="132">
        <v>173</v>
      </c>
      <c r="M92" s="351">
        <v>1006</v>
      </c>
      <c r="N92" s="96">
        <v>199</v>
      </c>
      <c r="O92" s="96">
        <v>281</v>
      </c>
      <c r="P92" s="97">
        <v>79.8</v>
      </c>
      <c r="Q92" s="44"/>
      <c r="R92" s="44"/>
      <c r="S92" s="44"/>
    </row>
    <row r="93" spans="2:19" s="219" customFormat="1" ht="15" customHeight="1">
      <c r="B93" s="348"/>
      <c r="C93" s="349" t="s">
        <v>30</v>
      </c>
      <c r="D93" s="350"/>
      <c r="E93" s="32"/>
      <c r="F93" s="91">
        <v>1094</v>
      </c>
      <c r="G93" s="91">
        <v>1831</v>
      </c>
      <c r="H93" s="91">
        <v>895</v>
      </c>
      <c r="I93" s="98">
        <v>936</v>
      </c>
      <c r="J93" s="123">
        <v>157</v>
      </c>
      <c r="K93" s="94">
        <v>1229</v>
      </c>
      <c r="L93" s="132">
        <v>390</v>
      </c>
      <c r="M93" s="351">
        <v>1070</v>
      </c>
      <c r="N93" s="96">
        <v>198</v>
      </c>
      <c r="O93" s="277">
        <v>0</v>
      </c>
      <c r="P93" s="97">
        <v>60.2</v>
      </c>
      <c r="Q93" s="44"/>
      <c r="R93" s="44"/>
      <c r="S93" s="44"/>
    </row>
    <row r="94" spans="2:19" s="219" customFormat="1" ht="15" customHeight="1">
      <c r="B94" s="348"/>
      <c r="C94" s="349" t="s">
        <v>31</v>
      </c>
      <c r="D94" s="350"/>
      <c r="E94" s="32"/>
      <c r="F94" s="91">
        <v>316</v>
      </c>
      <c r="G94" s="91">
        <v>576</v>
      </c>
      <c r="H94" s="91">
        <v>282</v>
      </c>
      <c r="I94" s="98">
        <v>294</v>
      </c>
      <c r="J94" s="123">
        <v>74</v>
      </c>
      <c r="K94" s="94">
        <v>382</v>
      </c>
      <c r="L94" s="132">
        <v>120</v>
      </c>
      <c r="M94" s="351">
        <v>558</v>
      </c>
      <c r="N94" s="96">
        <v>248</v>
      </c>
      <c r="O94" s="277">
        <v>0</v>
      </c>
      <c r="P94" s="97">
        <v>96.9</v>
      </c>
      <c r="Q94" s="44"/>
      <c r="R94" s="44"/>
      <c r="S94" s="44"/>
    </row>
    <row r="95" spans="2:19" s="219" customFormat="1" ht="16.5" customHeight="1">
      <c r="B95" s="348" t="s">
        <v>509</v>
      </c>
      <c r="C95" s="349" t="s">
        <v>26</v>
      </c>
      <c r="D95" s="350"/>
      <c r="E95" s="32"/>
      <c r="F95" s="91">
        <v>185</v>
      </c>
      <c r="G95" s="91">
        <v>233</v>
      </c>
      <c r="H95" s="91">
        <v>157</v>
      </c>
      <c r="I95" s="98">
        <v>76</v>
      </c>
      <c r="J95" s="123">
        <v>7</v>
      </c>
      <c r="K95" s="94">
        <v>195</v>
      </c>
      <c r="L95" s="132">
        <v>26</v>
      </c>
      <c r="M95" s="351">
        <v>1505</v>
      </c>
      <c r="N95" s="96">
        <v>699</v>
      </c>
      <c r="O95" s="96">
        <v>689</v>
      </c>
      <c r="P95" s="97">
        <v>660.1</v>
      </c>
      <c r="Q95" s="44"/>
      <c r="R95" s="44"/>
      <c r="S95" s="44"/>
    </row>
    <row r="96" spans="2:19" s="219" customFormat="1" ht="15" customHeight="1">
      <c r="B96" s="348"/>
      <c r="C96" s="349" t="s">
        <v>27</v>
      </c>
      <c r="D96" s="350"/>
      <c r="E96" s="32"/>
      <c r="F96" s="91">
        <v>1403</v>
      </c>
      <c r="G96" s="91">
        <v>2341</v>
      </c>
      <c r="H96" s="91">
        <v>1231</v>
      </c>
      <c r="I96" s="98">
        <v>1110</v>
      </c>
      <c r="J96" s="123">
        <v>205</v>
      </c>
      <c r="K96" s="94">
        <v>1600</v>
      </c>
      <c r="L96" s="132">
        <v>397</v>
      </c>
      <c r="M96" s="351">
        <v>1700</v>
      </c>
      <c r="N96" s="96">
        <v>513</v>
      </c>
      <c r="O96" s="96">
        <v>225</v>
      </c>
      <c r="P96" s="97">
        <v>77.2</v>
      </c>
      <c r="Q96" s="44"/>
      <c r="R96" s="44"/>
      <c r="S96" s="44"/>
    </row>
    <row r="97" spans="2:19" s="219" customFormat="1" ht="15" customHeight="1">
      <c r="B97" s="352"/>
      <c r="C97" s="353" t="s">
        <v>28</v>
      </c>
      <c r="D97" s="354"/>
      <c r="E97" s="40"/>
      <c r="F97" s="115">
        <v>446</v>
      </c>
      <c r="G97" s="115">
        <v>977</v>
      </c>
      <c r="H97" s="115">
        <v>463</v>
      </c>
      <c r="I97" s="114">
        <v>514</v>
      </c>
      <c r="J97" s="127">
        <v>111</v>
      </c>
      <c r="K97" s="118">
        <v>678</v>
      </c>
      <c r="L97" s="276">
        <v>171</v>
      </c>
      <c r="M97" s="355">
        <v>541</v>
      </c>
      <c r="N97" s="120">
        <v>134</v>
      </c>
      <c r="O97" s="280">
        <v>0</v>
      </c>
      <c r="P97" s="122">
        <v>56.4</v>
      </c>
      <c r="Q97" s="44"/>
      <c r="R97" s="44"/>
      <c r="S97" s="44"/>
    </row>
    <row r="98" spans="2:19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2:19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2:19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2:19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2:19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2:19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2:19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2:19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2:19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2:19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2:19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2:19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2:19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2:19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2:19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  <row r="151" spans="5:16">
      <c r="E151" s="221"/>
      <c r="F151" s="221"/>
      <c r="G151" s="221"/>
      <c r="H151" s="221"/>
      <c r="I151" s="221"/>
      <c r="J151" s="221"/>
      <c r="K151" s="221"/>
      <c r="L151" s="221"/>
      <c r="M151" s="149"/>
      <c r="N151" s="149"/>
      <c r="O151" s="149"/>
      <c r="P151" s="221"/>
    </row>
    <row r="152" spans="5:16">
      <c r="E152" s="221"/>
      <c r="F152" s="221"/>
      <c r="G152" s="221"/>
      <c r="H152" s="221"/>
      <c r="I152" s="221"/>
      <c r="J152" s="221"/>
      <c r="K152" s="221"/>
      <c r="L152" s="221"/>
      <c r="M152" s="149"/>
      <c r="N152" s="149"/>
      <c r="O152" s="149"/>
      <c r="P152" s="221"/>
    </row>
    <row r="153" spans="5:16">
      <c r="E153" s="221"/>
      <c r="F153" s="221"/>
      <c r="G153" s="221"/>
      <c r="H153" s="221"/>
      <c r="I153" s="221"/>
      <c r="J153" s="221"/>
      <c r="K153" s="221"/>
      <c r="L153" s="221"/>
      <c r="M153" s="149"/>
      <c r="N153" s="149"/>
      <c r="O153" s="149"/>
      <c r="P153" s="221"/>
    </row>
    <row r="154" spans="5:16">
      <c r="E154" s="221"/>
      <c r="F154" s="221"/>
      <c r="G154" s="221"/>
      <c r="H154" s="221"/>
      <c r="I154" s="221"/>
      <c r="J154" s="221"/>
      <c r="K154" s="221"/>
      <c r="L154" s="221"/>
      <c r="M154" s="149"/>
      <c r="N154" s="149"/>
      <c r="O154" s="149"/>
      <c r="P154" s="221"/>
    </row>
    <row r="155" spans="5:16">
      <c r="E155" s="221"/>
      <c r="F155" s="221"/>
      <c r="G155" s="221"/>
      <c r="H155" s="221"/>
      <c r="I155" s="221"/>
      <c r="J155" s="221"/>
      <c r="K155" s="221"/>
      <c r="L155" s="221"/>
      <c r="M155" s="149"/>
      <c r="N155" s="149"/>
      <c r="O155" s="149"/>
      <c r="P155" s="221"/>
    </row>
    <row r="156" spans="5:16">
      <c r="E156" s="221"/>
      <c r="F156" s="221"/>
      <c r="G156" s="221"/>
      <c r="H156" s="221"/>
      <c r="I156" s="221"/>
      <c r="J156" s="221"/>
      <c r="K156" s="221"/>
      <c r="L156" s="221"/>
      <c r="M156" s="149"/>
      <c r="N156" s="149"/>
      <c r="O156" s="149"/>
      <c r="P156" s="221"/>
    </row>
    <row r="157" spans="5:16">
      <c r="E157" s="221"/>
      <c r="F157" s="221"/>
      <c r="G157" s="221"/>
      <c r="H157" s="221"/>
      <c r="I157" s="221"/>
      <c r="J157" s="221"/>
      <c r="K157" s="221"/>
      <c r="L157" s="221"/>
      <c r="M157" s="149"/>
      <c r="N157" s="149"/>
      <c r="O157" s="149"/>
      <c r="P157" s="221"/>
    </row>
    <row r="158" spans="5:16">
      <c r="E158" s="221"/>
      <c r="F158" s="221"/>
      <c r="G158" s="221"/>
      <c r="H158" s="221"/>
      <c r="I158" s="221"/>
      <c r="J158" s="221"/>
      <c r="K158" s="221"/>
      <c r="L158" s="221"/>
      <c r="M158" s="149"/>
      <c r="N158" s="149"/>
      <c r="O158" s="149"/>
      <c r="P158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7" fitToHeight="0" orientation="portrait" horizontalDpi="300" verticalDpi="300" r:id="rId1"/>
  <headerFooter alignWithMargins="0"/>
  <rowBreaks count="1" manualBreakCount="1">
    <brk id="53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8"/>
  <sheetViews>
    <sheetView zoomScaleNormal="100" zoomScaleSheetLayoutView="100" workbookViewId="0">
      <pane ySplit="8" topLeftCell="A9" activePane="bottomLeft" state="frozen"/>
      <selection pane="bottomLeft" sqref="A1:XFD1"/>
    </sheetView>
  </sheetViews>
  <sheetFormatPr defaultRowHeight="12"/>
  <cols>
    <col min="1" max="1" width="0.332031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3" width="10" style="45" customWidth="1"/>
    <col min="14" max="15" width="9.83203125" style="45" customWidth="1"/>
    <col min="16" max="16" width="10.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510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" customHeight="1" thickTop="1">
      <c r="A8" s="188"/>
      <c r="B8" s="189"/>
      <c r="C8" s="189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15.75" customHeight="1">
      <c r="B9" s="455" t="s">
        <v>92</v>
      </c>
      <c r="C9" s="466"/>
      <c r="D9" s="356"/>
      <c r="E9" s="28"/>
      <c r="F9" s="152">
        <v>36304</v>
      </c>
      <c r="G9" s="152">
        <v>78929</v>
      </c>
      <c r="H9" s="152">
        <v>37542</v>
      </c>
      <c r="I9" s="81">
        <v>41387</v>
      </c>
      <c r="J9" s="346">
        <v>9353</v>
      </c>
      <c r="K9" s="83">
        <v>51500</v>
      </c>
      <c r="L9" s="287">
        <v>16723</v>
      </c>
      <c r="M9" s="347">
        <v>79510</v>
      </c>
      <c r="N9" s="85">
        <v>41903</v>
      </c>
      <c r="O9" s="85">
        <v>5904</v>
      </c>
      <c r="P9" s="86">
        <v>102.5</v>
      </c>
    </row>
    <row r="10" spans="1:22" s="219" customFormat="1" ht="3.75" customHeight="1">
      <c r="B10" s="348"/>
      <c r="C10" s="349"/>
      <c r="D10" s="350"/>
      <c r="E10" s="32"/>
      <c r="F10" s="91"/>
      <c r="G10" s="91"/>
      <c r="H10" s="91"/>
      <c r="I10" s="98"/>
      <c r="J10" s="123"/>
      <c r="K10" s="94"/>
      <c r="L10" s="132"/>
      <c r="M10" s="351"/>
      <c r="N10" s="96"/>
      <c r="O10" s="96"/>
      <c r="P10" s="97"/>
    </row>
    <row r="11" spans="1:22" s="219" customFormat="1" ht="15.75" customHeight="1">
      <c r="B11" s="348" t="s">
        <v>511</v>
      </c>
      <c r="C11" s="349" t="s">
        <v>26</v>
      </c>
      <c r="D11" s="350"/>
      <c r="E11" s="32"/>
      <c r="F11" s="91">
        <v>693</v>
      </c>
      <c r="G11" s="91">
        <v>1260</v>
      </c>
      <c r="H11" s="91">
        <v>620</v>
      </c>
      <c r="I11" s="98">
        <v>640</v>
      </c>
      <c r="J11" s="123">
        <v>85</v>
      </c>
      <c r="K11" s="94">
        <v>810</v>
      </c>
      <c r="L11" s="132">
        <v>274</v>
      </c>
      <c r="M11" s="351">
        <v>2528</v>
      </c>
      <c r="N11" s="96">
        <v>2074</v>
      </c>
      <c r="O11" s="277">
        <v>0</v>
      </c>
      <c r="P11" s="97">
        <v>216.3</v>
      </c>
      <c r="T11" s="218"/>
      <c r="U11" s="218"/>
      <c r="V11" s="218"/>
    </row>
    <row r="12" spans="1:22" s="219" customFormat="1" ht="15.75" customHeight="1">
      <c r="B12" s="348"/>
      <c r="C12" s="349" t="s">
        <v>27</v>
      </c>
      <c r="D12" s="350"/>
      <c r="E12" s="32"/>
      <c r="F12" s="91">
        <v>1379</v>
      </c>
      <c r="G12" s="91">
        <v>2849</v>
      </c>
      <c r="H12" s="91">
        <v>1358</v>
      </c>
      <c r="I12" s="98">
        <v>1491</v>
      </c>
      <c r="J12" s="123">
        <v>225</v>
      </c>
      <c r="K12" s="94">
        <v>1854</v>
      </c>
      <c r="L12" s="132">
        <v>701</v>
      </c>
      <c r="M12" s="351">
        <v>2088</v>
      </c>
      <c r="N12" s="96">
        <v>655</v>
      </c>
      <c r="O12" s="96">
        <v>206</v>
      </c>
      <c r="P12" s="97">
        <v>75.099999999999994</v>
      </c>
      <c r="T12" s="218"/>
      <c r="U12" s="218"/>
      <c r="V12" s="218"/>
    </row>
    <row r="13" spans="1:22" s="219" customFormat="1" ht="15.75" customHeight="1">
      <c r="B13" s="348"/>
      <c r="C13" s="349" t="s">
        <v>28</v>
      </c>
      <c r="D13" s="350"/>
      <c r="E13" s="32"/>
      <c r="F13" s="91">
        <v>804</v>
      </c>
      <c r="G13" s="91">
        <v>1597</v>
      </c>
      <c r="H13" s="91">
        <v>763</v>
      </c>
      <c r="I13" s="98">
        <v>834</v>
      </c>
      <c r="J13" s="123">
        <v>174</v>
      </c>
      <c r="K13" s="94">
        <v>1123</v>
      </c>
      <c r="L13" s="132">
        <v>275</v>
      </c>
      <c r="M13" s="351">
        <v>2608</v>
      </c>
      <c r="N13" s="96">
        <v>1705</v>
      </c>
      <c r="O13" s="96">
        <v>319</v>
      </c>
      <c r="P13" s="97">
        <v>165.9</v>
      </c>
      <c r="T13" s="218"/>
      <c r="U13" s="218"/>
      <c r="V13" s="218"/>
    </row>
    <row r="14" spans="1:22" s="219" customFormat="1" ht="15.75" customHeight="1">
      <c r="B14" s="348"/>
      <c r="C14" s="349" t="s">
        <v>29</v>
      </c>
      <c r="D14" s="350"/>
      <c r="E14" s="32"/>
      <c r="F14" s="91">
        <v>850</v>
      </c>
      <c r="G14" s="91">
        <v>1712</v>
      </c>
      <c r="H14" s="91">
        <v>826</v>
      </c>
      <c r="I14" s="98">
        <v>886</v>
      </c>
      <c r="J14" s="123">
        <v>168</v>
      </c>
      <c r="K14" s="94">
        <v>1097</v>
      </c>
      <c r="L14" s="132">
        <v>396</v>
      </c>
      <c r="M14" s="351">
        <v>1315</v>
      </c>
      <c r="N14" s="96">
        <v>596</v>
      </c>
      <c r="O14" s="277">
        <v>0</v>
      </c>
      <c r="P14" s="97">
        <v>79.2</v>
      </c>
      <c r="T14" s="218"/>
      <c r="U14" s="218"/>
      <c r="V14" s="218"/>
    </row>
    <row r="15" spans="1:22" s="219" customFormat="1" ht="15.75" customHeight="1">
      <c r="B15" s="348" t="s">
        <v>512</v>
      </c>
      <c r="C15" s="349" t="s">
        <v>26</v>
      </c>
      <c r="D15" s="350"/>
      <c r="E15" s="32"/>
      <c r="F15" s="91">
        <v>1120</v>
      </c>
      <c r="G15" s="91">
        <v>1991</v>
      </c>
      <c r="H15" s="91">
        <v>901</v>
      </c>
      <c r="I15" s="98">
        <v>1090</v>
      </c>
      <c r="J15" s="123">
        <v>177</v>
      </c>
      <c r="K15" s="94">
        <v>1368</v>
      </c>
      <c r="L15" s="132">
        <v>390</v>
      </c>
      <c r="M15" s="351">
        <v>2682</v>
      </c>
      <c r="N15" s="96">
        <v>1876</v>
      </c>
      <c r="O15" s="277">
        <v>0</v>
      </c>
      <c r="P15" s="97">
        <v>138.6</v>
      </c>
      <c r="T15" s="218"/>
      <c r="U15" s="218"/>
      <c r="V15" s="218"/>
    </row>
    <row r="16" spans="1:22" s="219" customFormat="1" ht="15.75" customHeight="1">
      <c r="B16" s="348"/>
      <c r="C16" s="349" t="s">
        <v>27</v>
      </c>
      <c r="D16" s="350"/>
      <c r="E16" s="32"/>
      <c r="F16" s="91">
        <v>603</v>
      </c>
      <c r="G16" s="91">
        <v>1278</v>
      </c>
      <c r="H16" s="91">
        <v>602</v>
      </c>
      <c r="I16" s="98">
        <v>676</v>
      </c>
      <c r="J16" s="123">
        <v>158</v>
      </c>
      <c r="K16" s="94">
        <v>889</v>
      </c>
      <c r="L16" s="132">
        <v>231</v>
      </c>
      <c r="M16" s="351">
        <v>1729</v>
      </c>
      <c r="N16" s="96">
        <v>1212</v>
      </c>
      <c r="O16" s="277">
        <v>0</v>
      </c>
      <c r="P16" s="97">
        <v>135.30000000000001</v>
      </c>
      <c r="T16" s="218"/>
      <c r="U16" s="218"/>
      <c r="V16" s="218"/>
    </row>
    <row r="17" spans="2:22" s="219" customFormat="1" ht="15.75" customHeight="1">
      <c r="B17" s="348"/>
      <c r="C17" s="349" t="s">
        <v>28</v>
      </c>
      <c r="D17" s="350"/>
      <c r="E17" s="32"/>
      <c r="F17" s="91">
        <v>727</v>
      </c>
      <c r="G17" s="91">
        <v>1543</v>
      </c>
      <c r="H17" s="91">
        <v>714</v>
      </c>
      <c r="I17" s="98">
        <v>829</v>
      </c>
      <c r="J17" s="123">
        <v>146</v>
      </c>
      <c r="K17" s="94">
        <v>1012</v>
      </c>
      <c r="L17" s="132">
        <v>384</v>
      </c>
      <c r="M17" s="351">
        <v>2790</v>
      </c>
      <c r="N17" s="96">
        <v>2087</v>
      </c>
      <c r="O17" s="96">
        <v>76</v>
      </c>
      <c r="P17" s="97">
        <v>180.9</v>
      </c>
      <c r="T17" s="218"/>
      <c r="U17" s="218"/>
      <c r="V17" s="218"/>
    </row>
    <row r="18" spans="2:22" s="219" customFormat="1" ht="15.75" customHeight="1">
      <c r="B18" s="348" t="s">
        <v>513</v>
      </c>
      <c r="C18" s="349" t="s">
        <v>26</v>
      </c>
      <c r="D18" s="350"/>
      <c r="E18" s="32"/>
      <c r="F18" s="91">
        <v>755</v>
      </c>
      <c r="G18" s="91">
        <v>1466</v>
      </c>
      <c r="H18" s="91">
        <v>676</v>
      </c>
      <c r="I18" s="98">
        <v>790</v>
      </c>
      <c r="J18" s="123">
        <v>176</v>
      </c>
      <c r="K18" s="94">
        <v>1008</v>
      </c>
      <c r="L18" s="132">
        <v>254</v>
      </c>
      <c r="M18" s="351">
        <v>1918</v>
      </c>
      <c r="N18" s="96">
        <v>937</v>
      </c>
      <c r="O18" s="96">
        <v>468</v>
      </c>
      <c r="P18" s="97">
        <v>133.4</v>
      </c>
      <c r="T18" s="218"/>
      <c r="U18" s="218"/>
      <c r="V18" s="218"/>
    </row>
    <row r="19" spans="2:22" s="219" customFormat="1" ht="15.75" customHeight="1">
      <c r="B19" s="348"/>
      <c r="C19" s="349" t="s">
        <v>27</v>
      </c>
      <c r="D19" s="350"/>
      <c r="E19" s="32"/>
      <c r="F19" s="91">
        <v>1186</v>
      </c>
      <c r="G19" s="91">
        <v>2865</v>
      </c>
      <c r="H19" s="91">
        <v>1372</v>
      </c>
      <c r="I19" s="98">
        <v>1493</v>
      </c>
      <c r="J19" s="123">
        <v>437</v>
      </c>
      <c r="K19" s="94">
        <v>1873</v>
      </c>
      <c r="L19" s="132">
        <v>534</v>
      </c>
      <c r="M19" s="351">
        <v>1916</v>
      </c>
      <c r="N19" s="96">
        <v>828</v>
      </c>
      <c r="O19" s="277">
        <v>0</v>
      </c>
      <c r="P19" s="97">
        <v>67.400000000000006</v>
      </c>
      <c r="T19" s="218"/>
      <c r="U19" s="218"/>
      <c r="V19" s="218"/>
    </row>
    <row r="20" spans="2:22" s="219" customFormat="1" ht="15.75" customHeight="1">
      <c r="B20" s="348"/>
      <c r="C20" s="349" t="s">
        <v>28</v>
      </c>
      <c r="D20" s="350"/>
      <c r="E20" s="32"/>
      <c r="F20" s="91">
        <v>598</v>
      </c>
      <c r="G20" s="91">
        <v>1340</v>
      </c>
      <c r="H20" s="91">
        <v>612</v>
      </c>
      <c r="I20" s="98">
        <v>728</v>
      </c>
      <c r="J20" s="123">
        <v>148</v>
      </c>
      <c r="K20" s="94">
        <v>817</v>
      </c>
      <c r="L20" s="132">
        <v>355</v>
      </c>
      <c r="M20" s="351">
        <v>895</v>
      </c>
      <c r="N20" s="96">
        <v>330</v>
      </c>
      <c r="O20" s="277">
        <v>0</v>
      </c>
      <c r="P20" s="97">
        <v>67.8</v>
      </c>
      <c r="T20" s="218"/>
      <c r="U20" s="218"/>
      <c r="V20" s="218"/>
    </row>
    <row r="21" spans="2:22" s="219" customFormat="1" ht="15.75" customHeight="1">
      <c r="B21" s="348" t="s">
        <v>514</v>
      </c>
      <c r="C21" s="349" t="s">
        <v>26</v>
      </c>
      <c r="D21" s="350"/>
      <c r="E21" s="32"/>
      <c r="F21" s="91">
        <v>780</v>
      </c>
      <c r="G21" s="91">
        <v>1548</v>
      </c>
      <c r="H21" s="91">
        <v>752</v>
      </c>
      <c r="I21" s="98">
        <v>796</v>
      </c>
      <c r="J21" s="123">
        <v>183</v>
      </c>
      <c r="K21" s="94">
        <v>1061</v>
      </c>
      <c r="L21" s="132">
        <v>279</v>
      </c>
      <c r="M21" s="351">
        <v>1553</v>
      </c>
      <c r="N21" s="96">
        <v>439</v>
      </c>
      <c r="O21" s="96">
        <v>462</v>
      </c>
      <c r="P21" s="97">
        <v>102</v>
      </c>
      <c r="T21" s="218"/>
      <c r="U21" s="218"/>
      <c r="V21" s="218"/>
    </row>
    <row r="22" spans="2:22" s="219" customFormat="1" ht="15.75" customHeight="1">
      <c r="B22" s="348"/>
      <c r="C22" s="349" t="s">
        <v>27</v>
      </c>
      <c r="D22" s="350"/>
      <c r="E22" s="32"/>
      <c r="F22" s="91">
        <v>754</v>
      </c>
      <c r="G22" s="91">
        <v>1640</v>
      </c>
      <c r="H22" s="91">
        <v>804</v>
      </c>
      <c r="I22" s="98">
        <v>836</v>
      </c>
      <c r="J22" s="123">
        <v>174</v>
      </c>
      <c r="K22" s="94">
        <v>1161</v>
      </c>
      <c r="L22" s="132">
        <v>298</v>
      </c>
      <c r="M22" s="351">
        <v>1244</v>
      </c>
      <c r="N22" s="96">
        <v>563</v>
      </c>
      <c r="O22" s="277">
        <v>0</v>
      </c>
      <c r="P22" s="97">
        <v>76.2</v>
      </c>
      <c r="T22" s="218"/>
      <c r="U22" s="218"/>
      <c r="V22" s="218"/>
    </row>
    <row r="23" spans="2:22" s="219" customFormat="1" ht="15.75" customHeight="1">
      <c r="B23" s="348"/>
      <c r="C23" s="349" t="s">
        <v>28</v>
      </c>
      <c r="D23" s="350"/>
      <c r="E23" s="32"/>
      <c r="F23" s="91">
        <v>900</v>
      </c>
      <c r="G23" s="91">
        <v>2019</v>
      </c>
      <c r="H23" s="91">
        <v>966</v>
      </c>
      <c r="I23" s="98">
        <v>1053</v>
      </c>
      <c r="J23" s="123">
        <v>249</v>
      </c>
      <c r="K23" s="94">
        <v>1374</v>
      </c>
      <c r="L23" s="132">
        <v>390</v>
      </c>
      <c r="M23" s="351">
        <v>1253</v>
      </c>
      <c r="N23" s="96">
        <v>351</v>
      </c>
      <c r="O23" s="277">
        <v>94</v>
      </c>
      <c r="P23" s="97">
        <v>62.2</v>
      </c>
      <c r="T23" s="218"/>
      <c r="U23" s="218"/>
      <c r="V23" s="218"/>
    </row>
    <row r="24" spans="2:22" s="219" customFormat="1" ht="15.75" customHeight="1">
      <c r="B24" s="348"/>
      <c r="C24" s="349" t="s">
        <v>29</v>
      </c>
      <c r="D24" s="350"/>
      <c r="E24" s="32"/>
      <c r="F24" s="91">
        <v>726</v>
      </c>
      <c r="G24" s="91">
        <v>1660</v>
      </c>
      <c r="H24" s="91">
        <v>772</v>
      </c>
      <c r="I24" s="98">
        <v>888</v>
      </c>
      <c r="J24" s="123">
        <v>232</v>
      </c>
      <c r="K24" s="94">
        <v>1042</v>
      </c>
      <c r="L24" s="132">
        <v>386</v>
      </c>
      <c r="M24" s="351">
        <v>2114</v>
      </c>
      <c r="N24" s="96">
        <v>466</v>
      </c>
      <c r="O24" s="96">
        <v>915</v>
      </c>
      <c r="P24" s="97">
        <v>127.3</v>
      </c>
      <c r="T24" s="218"/>
      <c r="U24" s="218"/>
      <c r="V24" s="218"/>
    </row>
    <row r="25" spans="2:22" s="219" customFormat="1" ht="15.75" customHeight="1">
      <c r="B25" s="348"/>
      <c r="C25" s="349" t="s">
        <v>30</v>
      </c>
      <c r="D25" s="350"/>
      <c r="E25" s="32"/>
      <c r="F25" s="91">
        <v>1195</v>
      </c>
      <c r="G25" s="91">
        <v>3111</v>
      </c>
      <c r="H25" s="91">
        <v>1434</v>
      </c>
      <c r="I25" s="98">
        <v>1677</v>
      </c>
      <c r="J25" s="123">
        <v>421</v>
      </c>
      <c r="K25" s="94">
        <v>2037</v>
      </c>
      <c r="L25" s="132">
        <v>650</v>
      </c>
      <c r="M25" s="351">
        <v>1906</v>
      </c>
      <c r="N25" s="96">
        <v>724</v>
      </c>
      <c r="O25" s="277">
        <v>0</v>
      </c>
      <c r="P25" s="97">
        <v>61.3</v>
      </c>
      <c r="T25" s="218"/>
      <c r="U25" s="218"/>
      <c r="V25" s="218"/>
    </row>
    <row r="26" spans="2:22" s="219" customFormat="1" ht="15.75" customHeight="1">
      <c r="B26" s="348" t="s">
        <v>515</v>
      </c>
      <c r="C26" s="349" t="s">
        <v>26</v>
      </c>
      <c r="D26" s="350"/>
      <c r="E26" s="32"/>
      <c r="F26" s="91">
        <v>1144</v>
      </c>
      <c r="G26" s="91">
        <v>2353</v>
      </c>
      <c r="H26" s="91">
        <v>1070</v>
      </c>
      <c r="I26" s="98">
        <v>1283</v>
      </c>
      <c r="J26" s="123">
        <v>250</v>
      </c>
      <c r="K26" s="94">
        <v>1534</v>
      </c>
      <c r="L26" s="132">
        <v>553</v>
      </c>
      <c r="M26" s="351">
        <v>2544</v>
      </c>
      <c r="N26" s="96">
        <v>1575</v>
      </c>
      <c r="O26" s="277">
        <v>0</v>
      </c>
      <c r="P26" s="97">
        <v>108.9</v>
      </c>
      <c r="T26" s="218"/>
      <c r="U26" s="218"/>
      <c r="V26" s="218"/>
    </row>
    <row r="27" spans="2:22" s="219" customFormat="1" ht="15.75" customHeight="1">
      <c r="B27" s="348"/>
      <c r="C27" s="349" t="s">
        <v>27</v>
      </c>
      <c r="D27" s="350"/>
      <c r="E27" s="32"/>
      <c r="F27" s="91">
        <v>539</v>
      </c>
      <c r="G27" s="91">
        <v>1080</v>
      </c>
      <c r="H27" s="91">
        <v>520</v>
      </c>
      <c r="I27" s="98">
        <v>560</v>
      </c>
      <c r="J27" s="123">
        <v>99</v>
      </c>
      <c r="K27" s="94">
        <v>774</v>
      </c>
      <c r="L27" s="132">
        <v>207</v>
      </c>
      <c r="M27" s="351">
        <v>1936</v>
      </c>
      <c r="N27" s="96">
        <v>1420</v>
      </c>
      <c r="O27" s="277">
        <v>0</v>
      </c>
      <c r="P27" s="97">
        <v>179.3</v>
      </c>
      <c r="T27" s="218"/>
      <c r="U27" s="218"/>
      <c r="V27" s="218"/>
    </row>
    <row r="28" spans="2:22" s="219" customFormat="1" ht="16.5" customHeight="1">
      <c r="B28" s="348"/>
      <c r="C28" s="349" t="s">
        <v>28</v>
      </c>
      <c r="D28" s="350"/>
      <c r="E28" s="32"/>
      <c r="F28" s="91">
        <v>1154</v>
      </c>
      <c r="G28" s="91">
        <v>2242</v>
      </c>
      <c r="H28" s="91">
        <v>1097</v>
      </c>
      <c r="I28" s="98">
        <v>1145</v>
      </c>
      <c r="J28" s="123">
        <v>268</v>
      </c>
      <c r="K28" s="94">
        <v>1558</v>
      </c>
      <c r="L28" s="132">
        <v>386</v>
      </c>
      <c r="M28" s="351">
        <v>2149</v>
      </c>
      <c r="N28" s="96">
        <v>878</v>
      </c>
      <c r="O28" s="96">
        <v>301</v>
      </c>
      <c r="P28" s="97">
        <v>97.2</v>
      </c>
      <c r="T28" s="218"/>
      <c r="U28" s="218"/>
      <c r="V28" s="218"/>
    </row>
    <row r="29" spans="2:22" s="219" customFormat="1" ht="16.5" customHeight="1">
      <c r="B29" s="348" t="s">
        <v>516</v>
      </c>
      <c r="C29" s="349" t="s">
        <v>26</v>
      </c>
      <c r="D29" s="350"/>
      <c r="E29" s="32"/>
      <c r="F29" s="91">
        <v>446</v>
      </c>
      <c r="G29" s="91">
        <v>835</v>
      </c>
      <c r="H29" s="91">
        <v>396</v>
      </c>
      <c r="I29" s="98">
        <v>439</v>
      </c>
      <c r="J29" s="123">
        <v>60</v>
      </c>
      <c r="K29" s="94">
        <v>548</v>
      </c>
      <c r="L29" s="132">
        <v>219</v>
      </c>
      <c r="M29" s="351">
        <v>1017</v>
      </c>
      <c r="N29" s="96">
        <v>655</v>
      </c>
      <c r="O29" s="277">
        <v>0</v>
      </c>
      <c r="P29" s="97">
        <v>123</v>
      </c>
      <c r="T29" s="218"/>
      <c r="U29" s="218"/>
      <c r="V29" s="218"/>
    </row>
    <row r="30" spans="2:22" s="219" customFormat="1" ht="16.5" customHeight="1">
      <c r="B30" s="348"/>
      <c r="C30" s="349" t="s">
        <v>27</v>
      </c>
      <c r="D30" s="350"/>
      <c r="E30" s="32"/>
      <c r="F30" s="91">
        <v>1054</v>
      </c>
      <c r="G30" s="91">
        <v>2223</v>
      </c>
      <c r="H30" s="91">
        <v>998</v>
      </c>
      <c r="I30" s="98">
        <v>1225</v>
      </c>
      <c r="J30" s="123">
        <v>235</v>
      </c>
      <c r="K30" s="94">
        <v>1462</v>
      </c>
      <c r="L30" s="132">
        <v>509</v>
      </c>
      <c r="M30" s="351">
        <v>2809</v>
      </c>
      <c r="N30" s="96">
        <v>1475</v>
      </c>
      <c r="O30" s="96">
        <v>394</v>
      </c>
      <c r="P30" s="97">
        <v>127.3</v>
      </c>
      <c r="T30" s="218"/>
      <c r="U30" s="218"/>
      <c r="V30" s="218"/>
    </row>
    <row r="31" spans="2:22" s="219" customFormat="1" ht="16.5" customHeight="1">
      <c r="B31" s="348"/>
      <c r="C31" s="349" t="s">
        <v>28</v>
      </c>
      <c r="D31" s="350"/>
      <c r="E31" s="32"/>
      <c r="F31" s="91">
        <v>798</v>
      </c>
      <c r="G31" s="91">
        <v>1908</v>
      </c>
      <c r="H31" s="91">
        <v>905</v>
      </c>
      <c r="I31" s="98">
        <v>1003</v>
      </c>
      <c r="J31" s="123">
        <v>298</v>
      </c>
      <c r="K31" s="94">
        <v>1245</v>
      </c>
      <c r="L31" s="132">
        <v>330</v>
      </c>
      <c r="M31" s="351">
        <v>2103</v>
      </c>
      <c r="N31" s="96">
        <v>989</v>
      </c>
      <c r="O31" s="96">
        <v>384</v>
      </c>
      <c r="P31" s="97">
        <v>112.3</v>
      </c>
      <c r="T31" s="218"/>
      <c r="U31" s="218"/>
      <c r="V31" s="218"/>
    </row>
    <row r="32" spans="2:22" s="219" customFormat="1" ht="16.5" customHeight="1">
      <c r="B32" s="348" t="s">
        <v>517</v>
      </c>
      <c r="C32" s="349" t="s">
        <v>26</v>
      </c>
      <c r="D32" s="350"/>
      <c r="E32" s="32"/>
      <c r="F32" s="91">
        <v>514</v>
      </c>
      <c r="G32" s="91">
        <v>1108</v>
      </c>
      <c r="H32" s="91">
        <v>563</v>
      </c>
      <c r="I32" s="98">
        <v>545</v>
      </c>
      <c r="J32" s="123">
        <v>162</v>
      </c>
      <c r="K32" s="94">
        <v>780</v>
      </c>
      <c r="L32" s="132">
        <v>159</v>
      </c>
      <c r="M32" s="351">
        <v>680</v>
      </c>
      <c r="N32" s="96">
        <v>270</v>
      </c>
      <c r="O32" s="277">
        <v>0</v>
      </c>
      <c r="P32" s="97">
        <v>61.8</v>
      </c>
      <c r="T32" s="218"/>
      <c r="U32" s="218"/>
      <c r="V32" s="218"/>
    </row>
    <row r="33" spans="2:22" s="219" customFormat="1" ht="16.5" customHeight="1">
      <c r="B33" s="348"/>
      <c r="C33" s="349" t="s">
        <v>27</v>
      </c>
      <c r="D33" s="350"/>
      <c r="E33" s="32"/>
      <c r="F33" s="91">
        <v>485</v>
      </c>
      <c r="G33" s="91">
        <v>1110</v>
      </c>
      <c r="H33" s="91">
        <v>550</v>
      </c>
      <c r="I33" s="98">
        <v>560</v>
      </c>
      <c r="J33" s="123">
        <v>177</v>
      </c>
      <c r="K33" s="94">
        <v>732</v>
      </c>
      <c r="L33" s="132">
        <v>195</v>
      </c>
      <c r="M33" s="351">
        <v>1719</v>
      </c>
      <c r="N33" s="96">
        <v>1283</v>
      </c>
      <c r="O33" s="277">
        <v>0</v>
      </c>
      <c r="P33" s="97">
        <v>155.69999999999999</v>
      </c>
      <c r="T33" s="218"/>
      <c r="U33" s="218"/>
      <c r="V33" s="218"/>
    </row>
    <row r="34" spans="2:22" s="219" customFormat="1" ht="16.5" customHeight="1">
      <c r="B34" s="348"/>
      <c r="C34" s="349" t="s">
        <v>28</v>
      </c>
      <c r="D34" s="350"/>
      <c r="E34" s="32"/>
      <c r="F34" s="91">
        <v>694</v>
      </c>
      <c r="G34" s="91">
        <v>1844</v>
      </c>
      <c r="H34" s="91">
        <v>879</v>
      </c>
      <c r="I34" s="98">
        <v>965</v>
      </c>
      <c r="J34" s="123">
        <v>241</v>
      </c>
      <c r="K34" s="94">
        <v>1239</v>
      </c>
      <c r="L34" s="132">
        <v>361</v>
      </c>
      <c r="M34" s="351">
        <v>1825</v>
      </c>
      <c r="N34" s="96">
        <v>1122</v>
      </c>
      <c r="O34" s="277">
        <v>0</v>
      </c>
      <c r="P34" s="97">
        <v>99.1</v>
      </c>
      <c r="T34" s="218"/>
      <c r="U34" s="218"/>
      <c r="V34" s="218"/>
    </row>
    <row r="35" spans="2:22" s="219" customFormat="1" ht="16.5" customHeight="1">
      <c r="B35" s="348" t="s">
        <v>518</v>
      </c>
      <c r="C35" s="349" t="s">
        <v>26</v>
      </c>
      <c r="D35" s="350"/>
      <c r="E35" s="32"/>
      <c r="F35" s="91">
        <v>1299</v>
      </c>
      <c r="G35" s="91">
        <v>3170</v>
      </c>
      <c r="H35" s="91">
        <v>1450</v>
      </c>
      <c r="I35" s="98">
        <v>1720</v>
      </c>
      <c r="J35" s="123">
        <v>353</v>
      </c>
      <c r="K35" s="94">
        <v>1855</v>
      </c>
      <c r="L35" s="132">
        <v>930</v>
      </c>
      <c r="M35" s="351">
        <v>2806</v>
      </c>
      <c r="N35" s="96">
        <v>1210</v>
      </c>
      <c r="O35" s="96">
        <v>186</v>
      </c>
      <c r="P35" s="97">
        <v>89.4</v>
      </c>
      <c r="T35" s="218"/>
      <c r="U35" s="218"/>
      <c r="V35" s="218"/>
    </row>
    <row r="36" spans="2:22" s="219" customFormat="1" ht="16.5" customHeight="1">
      <c r="B36" s="348"/>
      <c r="C36" s="349" t="s">
        <v>27</v>
      </c>
      <c r="D36" s="350"/>
      <c r="E36" s="32"/>
      <c r="F36" s="91">
        <v>1337</v>
      </c>
      <c r="G36" s="91">
        <v>3187</v>
      </c>
      <c r="H36" s="91">
        <v>1556</v>
      </c>
      <c r="I36" s="98">
        <v>1631</v>
      </c>
      <c r="J36" s="123">
        <v>402</v>
      </c>
      <c r="K36" s="94">
        <v>1986</v>
      </c>
      <c r="L36" s="132">
        <v>784</v>
      </c>
      <c r="M36" s="351">
        <v>2040</v>
      </c>
      <c r="N36" s="96">
        <v>695</v>
      </c>
      <c r="O36" s="277">
        <v>0</v>
      </c>
      <c r="P36" s="97">
        <v>64.3</v>
      </c>
      <c r="T36" s="218"/>
      <c r="U36" s="218"/>
      <c r="V36" s="218"/>
    </row>
    <row r="37" spans="2:22" s="219" customFormat="1" ht="16.5" customHeight="1">
      <c r="B37" s="348"/>
      <c r="C37" s="349" t="s">
        <v>28</v>
      </c>
      <c r="D37" s="350"/>
      <c r="E37" s="32"/>
      <c r="F37" s="91">
        <v>864</v>
      </c>
      <c r="G37" s="91">
        <v>2009</v>
      </c>
      <c r="H37" s="91">
        <v>910</v>
      </c>
      <c r="I37" s="98">
        <v>1099</v>
      </c>
      <c r="J37" s="123">
        <v>232</v>
      </c>
      <c r="K37" s="94">
        <v>1217</v>
      </c>
      <c r="L37" s="132">
        <v>554</v>
      </c>
      <c r="M37" s="351">
        <v>1742</v>
      </c>
      <c r="N37" s="96">
        <v>889</v>
      </c>
      <c r="O37" s="277">
        <v>0</v>
      </c>
      <c r="P37" s="97">
        <v>87</v>
      </c>
      <c r="T37" s="218"/>
      <c r="U37" s="218"/>
      <c r="V37" s="218"/>
    </row>
    <row r="38" spans="2:22" s="219" customFormat="1" ht="16.5" customHeight="1">
      <c r="B38" s="348"/>
      <c r="C38" s="349" t="s">
        <v>29</v>
      </c>
      <c r="D38" s="350"/>
      <c r="E38" s="32"/>
      <c r="F38" s="91">
        <v>928</v>
      </c>
      <c r="G38" s="91">
        <v>2184</v>
      </c>
      <c r="H38" s="91">
        <v>1008</v>
      </c>
      <c r="I38" s="98">
        <v>1176</v>
      </c>
      <c r="J38" s="123">
        <v>240</v>
      </c>
      <c r="K38" s="94">
        <v>1278</v>
      </c>
      <c r="L38" s="132">
        <v>638</v>
      </c>
      <c r="M38" s="351">
        <v>1708</v>
      </c>
      <c r="N38" s="96">
        <v>401</v>
      </c>
      <c r="O38" s="96">
        <v>404</v>
      </c>
      <c r="P38" s="97">
        <v>79.2</v>
      </c>
      <c r="T38" s="218"/>
      <c r="U38" s="218"/>
      <c r="V38" s="218"/>
    </row>
    <row r="39" spans="2:22" s="219" customFormat="1" ht="16.5" customHeight="1">
      <c r="B39" s="348" t="s">
        <v>519</v>
      </c>
      <c r="C39" s="349" t="s">
        <v>26</v>
      </c>
      <c r="D39" s="350"/>
      <c r="E39" s="32"/>
      <c r="F39" s="91">
        <v>1188</v>
      </c>
      <c r="G39" s="91">
        <v>2533</v>
      </c>
      <c r="H39" s="91">
        <v>1205</v>
      </c>
      <c r="I39" s="98">
        <v>1328</v>
      </c>
      <c r="J39" s="123">
        <v>394</v>
      </c>
      <c r="K39" s="94">
        <v>1666</v>
      </c>
      <c r="L39" s="132">
        <v>369</v>
      </c>
      <c r="M39" s="351">
        <v>1875</v>
      </c>
      <c r="N39" s="96">
        <v>955</v>
      </c>
      <c r="O39" s="277">
        <v>0</v>
      </c>
      <c r="P39" s="97">
        <v>77.2</v>
      </c>
      <c r="T39" s="218"/>
      <c r="U39" s="218"/>
      <c r="V39" s="218"/>
    </row>
    <row r="40" spans="2:22" s="219" customFormat="1" ht="16.5" customHeight="1">
      <c r="B40" s="348"/>
      <c r="C40" s="349" t="s">
        <v>27</v>
      </c>
      <c r="D40" s="350"/>
      <c r="E40" s="32"/>
      <c r="F40" s="91">
        <v>792</v>
      </c>
      <c r="G40" s="91">
        <v>1937</v>
      </c>
      <c r="H40" s="91">
        <v>913</v>
      </c>
      <c r="I40" s="98">
        <v>1024</v>
      </c>
      <c r="J40" s="123">
        <v>279</v>
      </c>
      <c r="K40" s="94">
        <v>1256</v>
      </c>
      <c r="L40" s="132">
        <v>386</v>
      </c>
      <c r="M40" s="351">
        <v>1619</v>
      </c>
      <c r="N40" s="96">
        <v>457</v>
      </c>
      <c r="O40" s="96">
        <v>445</v>
      </c>
      <c r="P40" s="97">
        <v>84.3</v>
      </c>
      <c r="T40" s="218"/>
      <c r="U40" s="218"/>
      <c r="V40" s="218"/>
    </row>
    <row r="41" spans="2:22" s="219" customFormat="1" ht="16.5" customHeight="1">
      <c r="B41" s="348" t="s">
        <v>123</v>
      </c>
      <c r="C41" s="349" t="s">
        <v>28</v>
      </c>
      <c r="D41" s="350"/>
      <c r="E41" s="32"/>
      <c r="F41" s="91">
        <v>665</v>
      </c>
      <c r="G41" s="91">
        <v>1463</v>
      </c>
      <c r="H41" s="91">
        <v>710</v>
      </c>
      <c r="I41" s="98">
        <v>753</v>
      </c>
      <c r="J41" s="123">
        <v>168</v>
      </c>
      <c r="K41" s="94">
        <v>955</v>
      </c>
      <c r="L41" s="132">
        <v>323</v>
      </c>
      <c r="M41" s="351">
        <v>984</v>
      </c>
      <c r="N41" s="96">
        <v>447</v>
      </c>
      <c r="O41" s="277">
        <v>0</v>
      </c>
      <c r="P41" s="97">
        <v>68</v>
      </c>
      <c r="T41" s="218"/>
      <c r="U41" s="218"/>
      <c r="V41" s="218"/>
    </row>
    <row r="42" spans="2:22" s="219" customFormat="1" ht="16.5" customHeight="1">
      <c r="B42" s="348"/>
      <c r="C42" s="349" t="s">
        <v>29</v>
      </c>
      <c r="D42" s="350"/>
      <c r="E42" s="32"/>
      <c r="F42" s="91">
        <v>914</v>
      </c>
      <c r="G42" s="91">
        <v>1929</v>
      </c>
      <c r="H42" s="91">
        <v>908</v>
      </c>
      <c r="I42" s="98">
        <v>1021</v>
      </c>
      <c r="J42" s="123">
        <v>183</v>
      </c>
      <c r="K42" s="94">
        <v>1376</v>
      </c>
      <c r="L42" s="132">
        <v>370</v>
      </c>
      <c r="M42" s="351">
        <v>1130</v>
      </c>
      <c r="N42" s="96">
        <v>414</v>
      </c>
      <c r="O42" s="277">
        <v>0</v>
      </c>
      <c r="P42" s="97">
        <v>58.6</v>
      </c>
      <c r="T42" s="218"/>
      <c r="U42" s="218"/>
      <c r="V42" s="218"/>
    </row>
    <row r="43" spans="2:22" s="219" customFormat="1" ht="16.5" customHeight="1">
      <c r="B43" s="348"/>
      <c r="C43" s="349" t="s">
        <v>30</v>
      </c>
      <c r="D43" s="350"/>
      <c r="E43" s="32"/>
      <c r="F43" s="91">
        <v>491</v>
      </c>
      <c r="G43" s="91">
        <v>1132</v>
      </c>
      <c r="H43" s="91">
        <v>519</v>
      </c>
      <c r="I43" s="98">
        <v>613</v>
      </c>
      <c r="J43" s="123">
        <v>112</v>
      </c>
      <c r="K43" s="94">
        <v>710</v>
      </c>
      <c r="L43" s="132">
        <v>308</v>
      </c>
      <c r="M43" s="351">
        <v>1129</v>
      </c>
      <c r="N43" s="96">
        <v>630</v>
      </c>
      <c r="O43" s="277">
        <v>0</v>
      </c>
      <c r="P43" s="97">
        <v>99.9</v>
      </c>
      <c r="T43" s="218"/>
      <c r="U43" s="218"/>
      <c r="V43" s="218"/>
    </row>
    <row r="44" spans="2:22" s="219" customFormat="1" ht="16.5" customHeight="1">
      <c r="B44" s="348"/>
      <c r="C44" s="349" t="s">
        <v>31</v>
      </c>
      <c r="D44" s="350"/>
      <c r="E44" s="32"/>
      <c r="F44" s="91">
        <v>667</v>
      </c>
      <c r="G44" s="91">
        <v>1400</v>
      </c>
      <c r="H44" s="91">
        <v>673</v>
      </c>
      <c r="I44" s="98">
        <v>727</v>
      </c>
      <c r="J44" s="123">
        <v>131</v>
      </c>
      <c r="K44" s="94">
        <v>851</v>
      </c>
      <c r="L44" s="132">
        <v>372</v>
      </c>
      <c r="M44" s="351">
        <v>1152</v>
      </c>
      <c r="N44" s="96">
        <v>552</v>
      </c>
      <c r="O44" s="277">
        <v>0</v>
      </c>
      <c r="P44" s="97">
        <v>85.1</v>
      </c>
      <c r="T44" s="218"/>
      <c r="U44" s="218"/>
      <c r="V44" s="218"/>
    </row>
    <row r="45" spans="2:22" s="219" customFormat="1" ht="16.5" customHeight="1">
      <c r="B45" s="348" t="s">
        <v>520</v>
      </c>
      <c r="C45" s="349" t="s">
        <v>26</v>
      </c>
      <c r="D45" s="350"/>
      <c r="E45" s="32"/>
      <c r="F45" s="91">
        <v>756</v>
      </c>
      <c r="G45" s="91">
        <v>1507</v>
      </c>
      <c r="H45" s="91">
        <v>729</v>
      </c>
      <c r="I45" s="98">
        <v>778</v>
      </c>
      <c r="J45" s="123">
        <v>175</v>
      </c>
      <c r="K45" s="94">
        <v>969</v>
      </c>
      <c r="L45" s="132">
        <v>281</v>
      </c>
      <c r="M45" s="351">
        <v>1885</v>
      </c>
      <c r="N45" s="96">
        <v>842</v>
      </c>
      <c r="O45" s="96">
        <v>423</v>
      </c>
      <c r="P45" s="97">
        <v>132.30000000000001</v>
      </c>
      <c r="T45" s="218"/>
      <c r="U45" s="218"/>
      <c r="V45" s="218"/>
    </row>
    <row r="46" spans="2:22" s="219" customFormat="1" ht="16.5" customHeight="1">
      <c r="B46" s="348"/>
      <c r="C46" s="349" t="s">
        <v>27</v>
      </c>
      <c r="D46" s="350"/>
      <c r="E46" s="32"/>
      <c r="F46" s="91">
        <v>125</v>
      </c>
      <c r="G46" s="91">
        <v>348</v>
      </c>
      <c r="H46" s="91">
        <v>180</v>
      </c>
      <c r="I46" s="98">
        <v>168</v>
      </c>
      <c r="J46" s="123">
        <v>80</v>
      </c>
      <c r="K46" s="94">
        <v>227</v>
      </c>
      <c r="L46" s="132">
        <v>37</v>
      </c>
      <c r="M46" s="351">
        <v>1013</v>
      </c>
      <c r="N46" s="96">
        <v>534</v>
      </c>
      <c r="O46" s="96">
        <v>357</v>
      </c>
      <c r="P46" s="97">
        <v>294.5</v>
      </c>
      <c r="T46" s="218"/>
      <c r="U46" s="218"/>
      <c r="V46" s="218"/>
    </row>
    <row r="47" spans="2:22" s="219" customFormat="1" ht="16.5" customHeight="1">
      <c r="B47" s="348"/>
      <c r="C47" s="349" t="s">
        <v>28</v>
      </c>
      <c r="D47" s="350"/>
      <c r="E47" s="32"/>
      <c r="F47" s="91">
        <v>695</v>
      </c>
      <c r="G47" s="91">
        <v>1556</v>
      </c>
      <c r="H47" s="91">
        <v>775</v>
      </c>
      <c r="I47" s="98">
        <v>781</v>
      </c>
      <c r="J47" s="123">
        <v>180</v>
      </c>
      <c r="K47" s="94">
        <v>994</v>
      </c>
      <c r="L47" s="132">
        <v>357</v>
      </c>
      <c r="M47" s="351">
        <v>1486</v>
      </c>
      <c r="N47" s="96">
        <v>864</v>
      </c>
      <c r="O47" s="277">
        <v>0</v>
      </c>
      <c r="P47" s="97">
        <v>97.1</v>
      </c>
      <c r="T47" s="218"/>
      <c r="U47" s="218"/>
      <c r="V47" s="218"/>
    </row>
    <row r="48" spans="2:22" s="219" customFormat="1" ht="15" customHeight="1">
      <c r="B48" s="348"/>
      <c r="C48" s="349" t="s">
        <v>29</v>
      </c>
      <c r="D48" s="350"/>
      <c r="E48" s="32"/>
      <c r="F48" s="91">
        <v>739</v>
      </c>
      <c r="G48" s="91">
        <v>1380</v>
      </c>
      <c r="H48" s="91">
        <v>675</v>
      </c>
      <c r="I48" s="98">
        <v>705</v>
      </c>
      <c r="J48" s="123">
        <v>154</v>
      </c>
      <c r="K48" s="94">
        <v>922</v>
      </c>
      <c r="L48" s="132">
        <v>236</v>
      </c>
      <c r="M48" s="351">
        <v>1158</v>
      </c>
      <c r="N48" s="96">
        <v>672</v>
      </c>
      <c r="O48" s="277">
        <v>0</v>
      </c>
      <c r="P48" s="97">
        <v>88.3</v>
      </c>
      <c r="T48" s="218"/>
      <c r="U48" s="218"/>
      <c r="V48" s="218"/>
    </row>
    <row r="49" spans="2:22" s="219" customFormat="1" ht="15" customHeight="1">
      <c r="B49" s="348" t="s">
        <v>521</v>
      </c>
      <c r="C49" s="349" t="s">
        <v>26</v>
      </c>
      <c r="D49" s="350"/>
      <c r="E49" s="32"/>
      <c r="F49" s="91">
        <v>1221</v>
      </c>
      <c r="G49" s="91">
        <v>2546</v>
      </c>
      <c r="H49" s="91">
        <v>1260</v>
      </c>
      <c r="I49" s="98">
        <v>1286</v>
      </c>
      <c r="J49" s="123">
        <v>372</v>
      </c>
      <c r="K49" s="94">
        <v>1768</v>
      </c>
      <c r="L49" s="132">
        <v>294</v>
      </c>
      <c r="M49" s="351">
        <v>2299</v>
      </c>
      <c r="N49" s="96">
        <v>1384</v>
      </c>
      <c r="O49" s="277">
        <v>0</v>
      </c>
      <c r="P49" s="97">
        <v>94.5</v>
      </c>
      <c r="T49" s="218"/>
      <c r="U49" s="218"/>
      <c r="V49" s="218"/>
    </row>
    <row r="50" spans="2:22" s="219" customFormat="1" ht="15" customHeight="1">
      <c r="B50" s="348"/>
      <c r="C50" s="349" t="s">
        <v>27</v>
      </c>
      <c r="D50" s="350"/>
      <c r="E50" s="32"/>
      <c r="F50" s="91">
        <v>547</v>
      </c>
      <c r="G50" s="91">
        <v>1165</v>
      </c>
      <c r="H50" s="91">
        <v>576</v>
      </c>
      <c r="I50" s="98">
        <v>589</v>
      </c>
      <c r="J50" s="123">
        <v>179</v>
      </c>
      <c r="K50" s="94">
        <v>738</v>
      </c>
      <c r="L50" s="132">
        <v>182</v>
      </c>
      <c r="M50" s="351">
        <v>2537</v>
      </c>
      <c r="N50" s="96">
        <v>1869</v>
      </c>
      <c r="O50" s="96">
        <v>232</v>
      </c>
      <c r="P50" s="97">
        <v>230.8</v>
      </c>
      <c r="T50" s="218"/>
      <c r="U50" s="218"/>
      <c r="V50" s="218"/>
    </row>
    <row r="51" spans="2:22" s="219" customFormat="1" ht="15" customHeight="1">
      <c r="B51" s="348"/>
      <c r="C51" s="349" t="s">
        <v>28</v>
      </c>
      <c r="D51" s="350"/>
      <c r="E51" s="32"/>
      <c r="F51" s="91">
        <v>705</v>
      </c>
      <c r="G51" s="91">
        <v>1181</v>
      </c>
      <c r="H51" s="91">
        <v>680</v>
      </c>
      <c r="I51" s="98">
        <v>501</v>
      </c>
      <c r="J51" s="123">
        <v>91</v>
      </c>
      <c r="K51" s="94">
        <v>689</v>
      </c>
      <c r="L51" s="132">
        <v>201</v>
      </c>
      <c r="M51" s="351">
        <v>2265</v>
      </c>
      <c r="N51" s="96">
        <v>1795</v>
      </c>
      <c r="O51" s="277">
        <v>0</v>
      </c>
      <c r="P51" s="97">
        <v>230.9</v>
      </c>
      <c r="T51" s="218"/>
      <c r="U51" s="218"/>
      <c r="V51" s="218"/>
    </row>
    <row r="52" spans="2:22" s="219" customFormat="1" ht="15" customHeight="1">
      <c r="B52" s="348" t="s">
        <v>522</v>
      </c>
      <c r="C52" s="349" t="s">
        <v>26</v>
      </c>
      <c r="D52" s="350"/>
      <c r="E52" s="32"/>
      <c r="F52" s="91">
        <v>928</v>
      </c>
      <c r="G52" s="91">
        <v>2174</v>
      </c>
      <c r="H52" s="91">
        <v>1004</v>
      </c>
      <c r="I52" s="98">
        <v>1170</v>
      </c>
      <c r="J52" s="123">
        <v>315</v>
      </c>
      <c r="K52" s="94">
        <v>1448</v>
      </c>
      <c r="L52" s="132">
        <v>406</v>
      </c>
      <c r="M52" s="351">
        <v>2006</v>
      </c>
      <c r="N52" s="96">
        <v>899</v>
      </c>
      <c r="O52" s="96">
        <v>238</v>
      </c>
      <c r="P52" s="97">
        <v>92.5</v>
      </c>
      <c r="T52" s="218"/>
      <c r="U52" s="218"/>
      <c r="V52" s="218"/>
    </row>
    <row r="53" spans="2:22" s="219" customFormat="1" ht="15" customHeight="1">
      <c r="B53" s="348" t="s">
        <v>123</v>
      </c>
      <c r="C53" s="349" t="s">
        <v>27</v>
      </c>
      <c r="D53" s="350"/>
      <c r="E53" s="32"/>
      <c r="F53" s="91">
        <v>785</v>
      </c>
      <c r="G53" s="91">
        <v>1860</v>
      </c>
      <c r="H53" s="91">
        <v>859</v>
      </c>
      <c r="I53" s="98">
        <v>1001</v>
      </c>
      <c r="J53" s="123">
        <v>238</v>
      </c>
      <c r="K53" s="94">
        <v>1132</v>
      </c>
      <c r="L53" s="132">
        <v>490</v>
      </c>
      <c r="M53" s="351">
        <v>1990</v>
      </c>
      <c r="N53" s="96">
        <v>1206</v>
      </c>
      <c r="O53" s="277">
        <v>0</v>
      </c>
      <c r="P53" s="97">
        <v>107</v>
      </c>
      <c r="T53" s="218"/>
      <c r="U53" s="218"/>
      <c r="V53" s="218"/>
    </row>
    <row r="54" spans="2:22" s="219" customFormat="1" ht="15" customHeight="1">
      <c r="B54" s="357"/>
      <c r="C54" s="349" t="s">
        <v>28</v>
      </c>
      <c r="D54" s="358"/>
      <c r="E54" s="32"/>
      <c r="F54" s="91">
        <v>760</v>
      </c>
      <c r="G54" s="91">
        <v>1686</v>
      </c>
      <c r="H54" s="91">
        <v>802</v>
      </c>
      <c r="I54" s="98">
        <v>884</v>
      </c>
      <c r="J54" s="123">
        <v>132</v>
      </c>
      <c r="K54" s="94">
        <v>1065</v>
      </c>
      <c r="L54" s="132">
        <v>489</v>
      </c>
      <c r="M54" s="351">
        <v>1365</v>
      </c>
      <c r="N54" s="96">
        <v>678</v>
      </c>
      <c r="O54" s="277">
        <v>0</v>
      </c>
      <c r="P54" s="97">
        <v>81</v>
      </c>
      <c r="T54" s="218"/>
      <c r="U54" s="218"/>
      <c r="V54" s="218"/>
    </row>
    <row r="55" spans="2:22" s="141" customFormat="1" ht="3.75" customHeight="1">
      <c r="B55" s="359"/>
      <c r="C55" s="359"/>
      <c r="D55" s="168"/>
      <c r="E55" s="360"/>
      <c r="F55" s="171"/>
      <c r="G55" s="170"/>
      <c r="H55" s="170"/>
      <c r="I55" s="172"/>
      <c r="J55" s="171"/>
      <c r="K55" s="171"/>
      <c r="L55" s="361"/>
      <c r="M55" s="362"/>
      <c r="N55" s="175"/>
      <c r="O55" s="175"/>
      <c r="P55" s="176"/>
    </row>
    <row r="56" spans="2:22">
      <c r="B56" s="226"/>
      <c r="C56" s="226"/>
      <c r="E56" s="221"/>
      <c r="F56" s="148"/>
      <c r="G56" s="148"/>
      <c r="H56" s="148"/>
      <c r="I56" s="148"/>
      <c r="J56" s="148"/>
      <c r="K56" s="148"/>
      <c r="L56" s="148"/>
      <c r="M56" s="149"/>
      <c r="N56" s="149"/>
      <c r="O56" s="149"/>
      <c r="P56" s="150"/>
    </row>
    <row r="57" spans="2:22">
      <c r="B57" s="226"/>
      <c r="C57" s="226"/>
      <c r="E57" s="221"/>
      <c r="F57" s="148"/>
      <c r="G57" s="148"/>
      <c r="H57" s="148"/>
      <c r="I57" s="148"/>
      <c r="J57" s="148"/>
      <c r="K57" s="148"/>
      <c r="L57" s="148"/>
      <c r="M57" s="149"/>
      <c r="N57" s="149"/>
      <c r="O57" s="149"/>
      <c r="P57" s="150"/>
    </row>
    <row r="58" spans="2:22">
      <c r="B58" s="226"/>
      <c r="C58" s="226"/>
      <c r="E58" s="221"/>
      <c r="F58" s="148"/>
      <c r="G58" s="148"/>
      <c r="H58" s="148"/>
      <c r="I58" s="148"/>
      <c r="J58" s="148"/>
      <c r="K58" s="148"/>
      <c r="L58" s="148"/>
      <c r="M58" s="149"/>
      <c r="N58" s="149"/>
      <c r="O58" s="149"/>
      <c r="P58" s="150"/>
    </row>
    <row r="59" spans="2:22">
      <c r="B59" s="226"/>
      <c r="C59" s="226"/>
      <c r="E59" s="221"/>
      <c r="F59" s="148"/>
      <c r="G59" s="148"/>
      <c r="H59" s="148"/>
      <c r="I59" s="148"/>
      <c r="J59" s="148"/>
      <c r="K59" s="148"/>
      <c r="L59" s="148"/>
      <c r="M59" s="149"/>
      <c r="N59" s="149"/>
      <c r="O59" s="149"/>
      <c r="P59" s="150"/>
    </row>
    <row r="60" spans="2:22">
      <c r="B60" s="226"/>
      <c r="C60" s="226"/>
      <c r="E60" s="221"/>
      <c r="F60" s="148"/>
      <c r="G60" s="148"/>
      <c r="H60" s="148"/>
      <c r="I60" s="148"/>
      <c r="J60" s="148"/>
      <c r="K60" s="148"/>
      <c r="L60" s="148"/>
      <c r="M60" s="149"/>
      <c r="N60" s="149"/>
      <c r="O60" s="149"/>
      <c r="P60" s="150"/>
    </row>
    <row r="61" spans="2:22">
      <c r="B61" s="226"/>
      <c r="C61" s="226"/>
      <c r="E61" s="221"/>
      <c r="F61" s="148"/>
      <c r="G61" s="148"/>
      <c r="H61" s="148"/>
      <c r="I61" s="148"/>
      <c r="J61" s="148"/>
      <c r="K61" s="148"/>
      <c r="L61" s="148"/>
      <c r="M61" s="149"/>
      <c r="N61" s="149"/>
      <c r="O61" s="149"/>
      <c r="P61" s="150"/>
    </row>
    <row r="62" spans="2:22">
      <c r="B62" s="226"/>
      <c r="C62" s="226"/>
      <c r="E62" s="221"/>
      <c r="F62" s="148"/>
      <c r="G62" s="148"/>
      <c r="H62" s="148"/>
      <c r="I62" s="148"/>
      <c r="J62" s="148"/>
      <c r="K62" s="148"/>
      <c r="L62" s="148"/>
      <c r="M62" s="149"/>
      <c r="N62" s="149"/>
      <c r="O62" s="149"/>
      <c r="P62" s="150"/>
    </row>
    <row r="63" spans="2:22">
      <c r="B63" s="226"/>
      <c r="C63" s="226"/>
      <c r="E63" s="221"/>
      <c r="F63" s="148"/>
      <c r="G63" s="148"/>
      <c r="H63" s="148"/>
      <c r="I63" s="148"/>
      <c r="J63" s="148"/>
      <c r="K63" s="148"/>
      <c r="L63" s="148"/>
      <c r="M63" s="149"/>
      <c r="N63" s="149"/>
      <c r="O63" s="149"/>
      <c r="P63" s="150"/>
    </row>
    <row r="64" spans="2:22">
      <c r="B64" s="226"/>
      <c r="C64" s="226"/>
      <c r="E64" s="221"/>
      <c r="F64" s="148"/>
      <c r="G64" s="148"/>
      <c r="H64" s="148"/>
      <c r="I64" s="148"/>
      <c r="J64" s="148"/>
      <c r="K64" s="148"/>
      <c r="L64" s="148"/>
      <c r="M64" s="149"/>
      <c r="N64" s="149"/>
      <c r="O64" s="149"/>
      <c r="P64" s="150"/>
    </row>
    <row r="65" spans="5:16">
      <c r="E65" s="221"/>
      <c r="F65" s="148"/>
      <c r="G65" s="148"/>
      <c r="H65" s="148"/>
      <c r="I65" s="148"/>
      <c r="J65" s="148"/>
      <c r="K65" s="148"/>
      <c r="L65" s="148"/>
      <c r="M65" s="149"/>
      <c r="N65" s="149"/>
      <c r="O65" s="149"/>
      <c r="P65" s="150"/>
    </row>
    <row r="66" spans="5:16">
      <c r="E66" s="221"/>
      <c r="F66" s="221"/>
      <c r="G66" s="221"/>
      <c r="H66" s="221"/>
      <c r="I66" s="221"/>
      <c r="J66" s="221"/>
      <c r="K66" s="221"/>
      <c r="L66" s="221"/>
      <c r="M66" s="149"/>
      <c r="N66" s="149"/>
      <c r="O66" s="149"/>
      <c r="P66" s="150"/>
    </row>
    <row r="67" spans="5:16">
      <c r="E67" s="221"/>
      <c r="F67" s="221"/>
      <c r="G67" s="221"/>
      <c r="H67" s="221"/>
      <c r="I67" s="221"/>
      <c r="J67" s="221"/>
      <c r="K67" s="221"/>
      <c r="L67" s="221"/>
      <c r="M67" s="149"/>
      <c r="N67" s="149"/>
      <c r="O67" s="149"/>
      <c r="P67" s="150"/>
    </row>
    <row r="68" spans="5:16">
      <c r="E68" s="221"/>
      <c r="F68" s="221"/>
      <c r="G68" s="221"/>
      <c r="H68" s="221"/>
      <c r="I68" s="221"/>
      <c r="J68" s="221"/>
      <c r="K68" s="221"/>
      <c r="L68" s="221"/>
      <c r="M68" s="149"/>
      <c r="N68" s="149"/>
      <c r="O68" s="149"/>
      <c r="P68" s="150"/>
    </row>
    <row r="69" spans="5:16">
      <c r="E69" s="221"/>
      <c r="F69" s="221"/>
      <c r="G69" s="221"/>
      <c r="H69" s="221"/>
      <c r="I69" s="221"/>
      <c r="J69" s="221"/>
      <c r="K69" s="221"/>
      <c r="L69" s="221"/>
      <c r="M69" s="149"/>
      <c r="N69" s="149"/>
      <c r="O69" s="149"/>
      <c r="P69" s="221"/>
    </row>
    <row r="70" spans="5:16">
      <c r="E70" s="221"/>
      <c r="F70" s="221"/>
      <c r="G70" s="221"/>
      <c r="H70" s="221"/>
      <c r="I70" s="221"/>
      <c r="J70" s="221"/>
      <c r="K70" s="221"/>
      <c r="L70" s="221"/>
      <c r="M70" s="149"/>
      <c r="N70" s="149"/>
      <c r="O70" s="149"/>
      <c r="P70" s="221"/>
    </row>
    <row r="71" spans="5:16">
      <c r="E71" s="221"/>
      <c r="F71" s="221"/>
      <c r="G71" s="221"/>
      <c r="H71" s="221"/>
      <c r="I71" s="221"/>
      <c r="J71" s="221"/>
      <c r="K71" s="221"/>
      <c r="L71" s="221"/>
      <c r="M71" s="149"/>
      <c r="N71" s="149"/>
      <c r="O71" s="149"/>
      <c r="P71" s="221"/>
    </row>
    <row r="72" spans="5:16">
      <c r="E72" s="221"/>
      <c r="F72" s="221"/>
      <c r="G72" s="221"/>
      <c r="H72" s="221"/>
      <c r="I72" s="221"/>
      <c r="J72" s="221"/>
      <c r="K72" s="221"/>
      <c r="L72" s="221"/>
      <c r="M72" s="149"/>
      <c r="N72" s="149"/>
      <c r="O72" s="149"/>
      <c r="P72" s="221"/>
    </row>
    <row r="73" spans="5:16">
      <c r="E73" s="221"/>
      <c r="F73" s="221"/>
      <c r="G73" s="221"/>
      <c r="H73" s="221"/>
      <c r="I73" s="221"/>
      <c r="J73" s="221"/>
      <c r="K73" s="221"/>
      <c r="L73" s="221"/>
      <c r="M73" s="149"/>
      <c r="N73" s="149"/>
      <c r="O73" s="149"/>
      <c r="P73" s="221"/>
    </row>
    <row r="74" spans="5:16">
      <c r="E74" s="221"/>
      <c r="F74" s="221"/>
      <c r="G74" s="221"/>
      <c r="H74" s="221"/>
      <c r="I74" s="221"/>
      <c r="J74" s="221"/>
      <c r="K74" s="221"/>
      <c r="L74" s="221"/>
      <c r="M74" s="149"/>
      <c r="N74" s="149"/>
      <c r="O74" s="149"/>
      <c r="P74" s="221"/>
    </row>
    <row r="75" spans="5:16">
      <c r="E75" s="221"/>
      <c r="F75" s="221"/>
      <c r="G75" s="221"/>
      <c r="H75" s="221"/>
      <c r="I75" s="221"/>
      <c r="J75" s="221"/>
      <c r="K75" s="221"/>
      <c r="L75" s="221"/>
      <c r="M75" s="149"/>
      <c r="N75" s="149"/>
      <c r="O75" s="149"/>
      <c r="P75" s="221"/>
    </row>
    <row r="76" spans="5:16">
      <c r="E76" s="221"/>
      <c r="F76" s="221"/>
      <c r="G76" s="221"/>
      <c r="H76" s="221"/>
      <c r="I76" s="221"/>
      <c r="J76" s="221"/>
      <c r="K76" s="221"/>
      <c r="L76" s="221"/>
      <c r="M76" s="149"/>
      <c r="N76" s="149"/>
      <c r="O76" s="149"/>
      <c r="P76" s="221"/>
    </row>
    <row r="77" spans="5:16">
      <c r="E77" s="221"/>
      <c r="F77" s="221"/>
      <c r="G77" s="221"/>
      <c r="H77" s="221"/>
      <c r="I77" s="221"/>
      <c r="J77" s="221"/>
      <c r="K77" s="221"/>
      <c r="L77" s="221"/>
      <c r="M77" s="149"/>
      <c r="N77" s="149"/>
      <c r="O77" s="149"/>
      <c r="P77" s="221"/>
    </row>
    <row r="78" spans="5:16">
      <c r="E78" s="221"/>
      <c r="F78" s="221"/>
      <c r="G78" s="221"/>
      <c r="H78" s="221"/>
      <c r="I78" s="221"/>
      <c r="J78" s="221"/>
      <c r="K78" s="221"/>
      <c r="L78" s="221"/>
      <c r="M78" s="149"/>
      <c r="N78" s="149"/>
      <c r="O78" s="149"/>
      <c r="P78" s="221"/>
    </row>
    <row r="79" spans="5:16">
      <c r="E79" s="221"/>
      <c r="F79" s="221"/>
      <c r="G79" s="221"/>
      <c r="H79" s="221"/>
      <c r="I79" s="221"/>
      <c r="J79" s="221"/>
      <c r="K79" s="221"/>
      <c r="L79" s="221"/>
      <c r="M79" s="149"/>
      <c r="N79" s="149"/>
      <c r="O79" s="149"/>
      <c r="P79" s="221"/>
    </row>
    <row r="80" spans="5:16">
      <c r="E80" s="221"/>
      <c r="F80" s="221"/>
      <c r="G80" s="221"/>
      <c r="H80" s="221"/>
      <c r="I80" s="221"/>
      <c r="J80" s="221"/>
      <c r="K80" s="221"/>
      <c r="L80" s="221"/>
      <c r="M80" s="149"/>
      <c r="N80" s="149"/>
      <c r="O80" s="149"/>
      <c r="P80" s="221"/>
    </row>
    <row r="81" spans="5:16">
      <c r="E81" s="221"/>
      <c r="F81" s="221"/>
      <c r="G81" s="221"/>
      <c r="H81" s="221"/>
      <c r="I81" s="221"/>
      <c r="J81" s="221"/>
      <c r="K81" s="221"/>
      <c r="L81" s="221"/>
      <c r="M81" s="149"/>
      <c r="N81" s="149"/>
      <c r="O81" s="149"/>
      <c r="P81" s="221"/>
    </row>
    <row r="82" spans="5:16">
      <c r="E82" s="221"/>
      <c r="F82" s="221"/>
      <c r="G82" s="221"/>
      <c r="H82" s="221"/>
      <c r="I82" s="221"/>
      <c r="J82" s="221"/>
      <c r="K82" s="221"/>
      <c r="L82" s="221"/>
      <c r="M82" s="149"/>
      <c r="N82" s="149"/>
      <c r="O82" s="149"/>
      <c r="P82" s="221"/>
    </row>
    <row r="83" spans="5:16">
      <c r="E83" s="221"/>
      <c r="F83" s="221"/>
      <c r="G83" s="221"/>
      <c r="H83" s="221"/>
      <c r="I83" s="221"/>
      <c r="J83" s="221"/>
      <c r="K83" s="221"/>
      <c r="L83" s="221"/>
      <c r="M83" s="149"/>
      <c r="N83" s="149"/>
      <c r="O83" s="149"/>
      <c r="P83" s="221"/>
    </row>
    <row r="84" spans="5:16">
      <c r="E84" s="221"/>
      <c r="F84" s="221"/>
      <c r="G84" s="221"/>
      <c r="H84" s="221"/>
      <c r="I84" s="221"/>
      <c r="J84" s="221"/>
      <c r="K84" s="221"/>
      <c r="L84" s="221"/>
      <c r="M84" s="149"/>
      <c r="N84" s="149"/>
      <c r="O84" s="149"/>
      <c r="P84" s="221"/>
    </row>
    <row r="85" spans="5:16">
      <c r="E85" s="221"/>
      <c r="F85" s="221"/>
      <c r="G85" s="221"/>
      <c r="H85" s="221"/>
      <c r="I85" s="221"/>
      <c r="J85" s="221"/>
      <c r="K85" s="221"/>
      <c r="L85" s="221"/>
      <c r="M85" s="149"/>
      <c r="N85" s="149"/>
      <c r="O85" s="149"/>
      <c r="P85" s="221"/>
    </row>
    <row r="86" spans="5:16">
      <c r="E86" s="221"/>
      <c r="F86" s="221"/>
      <c r="G86" s="221"/>
      <c r="H86" s="221"/>
      <c r="I86" s="221"/>
      <c r="J86" s="221"/>
      <c r="K86" s="221"/>
      <c r="L86" s="221"/>
      <c r="M86" s="149"/>
      <c r="N86" s="149"/>
      <c r="O86" s="149"/>
      <c r="P86" s="221"/>
    </row>
    <row r="87" spans="5:16">
      <c r="E87" s="221"/>
      <c r="F87" s="221"/>
      <c r="G87" s="221"/>
      <c r="H87" s="221"/>
      <c r="I87" s="221"/>
      <c r="J87" s="221"/>
      <c r="K87" s="221"/>
      <c r="L87" s="221"/>
      <c r="M87" s="149"/>
      <c r="N87" s="149"/>
      <c r="O87" s="149"/>
      <c r="P87" s="221"/>
    </row>
    <row r="88" spans="5:16">
      <c r="E88" s="221"/>
      <c r="F88" s="221"/>
      <c r="G88" s="221"/>
      <c r="H88" s="221"/>
      <c r="I88" s="221"/>
      <c r="J88" s="221"/>
      <c r="K88" s="221"/>
      <c r="L88" s="221"/>
      <c r="M88" s="149"/>
      <c r="N88" s="149"/>
      <c r="O88" s="149"/>
      <c r="P88" s="221"/>
    </row>
    <row r="89" spans="5:16">
      <c r="E89" s="221"/>
      <c r="F89" s="221"/>
      <c r="G89" s="221"/>
      <c r="H89" s="221"/>
      <c r="I89" s="221"/>
      <c r="J89" s="221"/>
      <c r="K89" s="221"/>
      <c r="L89" s="221"/>
      <c r="M89" s="149"/>
      <c r="N89" s="149"/>
      <c r="O89" s="149"/>
      <c r="P89" s="221"/>
    </row>
    <row r="90" spans="5:16">
      <c r="E90" s="221"/>
      <c r="F90" s="221"/>
      <c r="G90" s="221"/>
      <c r="H90" s="221"/>
      <c r="I90" s="221"/>
      <c r="J90" s="221"/>
      <c r="K90" s="221"/>
      <c r="L90" s="221"/>
      <c r="M90" s="149"/>
      <c r="N90" s="149"/>
      <c r="O90" s="149"/>
      <c r="P90" s="221"/>
    </row>
    <row r="91" spans="5:16">
      <c r="E91" s="221"/>
      <c r="F91" s="221"/>
      <c r="G91" s="221"/>
      <c r="H91" s="221"/>
      <c r="I91" s="221"/>
      <c r="J91" s="221"/>
      <c r="K91" s="221"/>
      <c r="L91" s="221"/>
      <c r="M91" s="149"/>
      <c r="N91" s="149"/>
      <c r="O91" s="149"/>
      <c r="P91" s="221"/>
    </row>
    <row r="92" spans="5:16">
      <c r="E92" s="221"/>
      <c r="F92" s="221"/>
      <c r="G92" s="221"/>
      <c r="H92" s="221"/>
      <c r="I92" s="221"/>
      <c r="J92" s="221"/>
      <c r="K92" s="221"/>
      <c r="L92" s="221"/>
      <c r="M92" s="149"/>
      <c r="N92" s="149"/>
      <c r="O92" s="149"/>
      <c r="P92" s="221"/>
    </row>
    <row r="93" spans="5:16">
      <c r="E93" s="221"/>
      <c r="F93" s="221"/>
      <c r="G93" s="221"/>
      <c r="H93" s="221"/>
      <c r="I93" s="221"/>
      <c r="J93" s="221"/>
      <c r="K93" s="221"/>
      <c r="L93" s="221"/>
      <c r="M93" s="149"/>
      <c r="N93" s="149"/>
      <c r="O93" s="149"/>
      <c r="P93" s="221"/>
    </row>
    <row r="94" spans="5:16">
      <c r="E94" s="221"/>
      <c r="F94" s="221"/>
      <c r="G94" s="221"/>
      <c r="H94" s="221"/>
      <c r="I94" s="221"/>
      <c r="J94" s="221"/>
      <c r="K94" s="221"/>
      <c r="L94" s="221"/>
      <c r="M94" s="149"/>
      <c r="N94" s="149"/>
      <c r="O94" s="149"/>
      <c r="P94" s="221"/>
    </row>
    <row r="95" spans="5:16">
      <c r="E95" s="221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5:16">
      <c r="E96" s="221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21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  <row r="151" spans="5:16">
      <c r="E151" s="221"/>
      <c r="F151" s="221"/>
      <c r="G151" s="221"/>
      <c r="H151" s="221"/>
      <c r="I151" s="221"/>
      <c r="J151" s="221"/>
      <c r="K151" s="221"/>
      <c r="L151" s="221"/>
      <c r="M151" s="149"/>
      <c r="N151" s="149"/>
      <c r="O151" s="149"/>
      <c r="P151" s="221"/>
    </row>
    <row r="152" spans="5:16">
      <c r="E152" s="221"/>
      <c r="F152" s="221"/>
      <c r="G152" s="221"/>
      <c r="H152" s="221"/>
      <c r="I152" s="221"/>
      <c r="J152" s="221"/>
      <c r="K152" s="221"/>
      <c r="L152" s="221"/>
      <c r="M152" s="149"/>
      <c r="N152" s="149"/>
      <c r="O152" s="149"/>
      <c r="P152" s="221"/>
    </row>
    <row r="153" spans="5:16">
      <c r="E153" s="221"/>
      <c r="F153" s="221"/>
      <c r="G153" s="221"/>
      <c r="H153" s="221"/>
      <c r="I153" s="221"/>
      <c r="J153" s="221"/>
      <c r="K153" s="221"/>
      <c r="L153" s="221"/>
      <c r="M153" s="149"/>
      <c r="N153" s="149"/>
      <c r="O153" s="149"/>
      <c r="P153" s="221"/>
    </row>
    <row r="154" spans="5:16">
      <c r="E154" s="221"/>
      <c r="F154" s="221"/>
      <c r="G154" s="221"/>
      <c r="H154" s="221"/>
      <c r="I154" s="221"/>
      <c r="J154" s="221"/>
      <c r="K154" s="221"/>
      <c r="L154" s="221"/>
      <c r="M154" s="149"/>
      <c r="N154" s="149"/>
      <c r="O154" s="149"/>
      <c r="P154" s="221"/>
    </row>
    <row r="155" spans="5:16">
      <c r="E155" s="221"/>
      <c r="F155" s="221"/>
      <c r="G155" s="221"/>
      <c r="H155" s="221"/>
      <c r="I155" s="221"/>
      <c r="J155" s="221"/>
      <c r="K155" s="221"/>
      <c r="L155" s="221"/>
      <c r="M155" s="149"/>
      <c r="N155" s="149"/>
      <c r="O155" s="149"/>
      <c r="P155" s="221"/>
    </row>
    <row r="156" spans="5:16">
      <c r="E156" s="221"/>
      <c r="F156" s="221"/>
      <c r="G156" s="221"/>
      <c r="H156" s="221"/>
      <c r="I156" s="221"/>
      <c r="J156" s="221"/>
      <c r="K156" s="221"/>
      <c r="L156" s="221"/>
      <c r="M156" s="149"/>
      <c r="N156" s="149"/>
      <c r="O156" s="149"/>
      <c r="P156" s="221"/>
    </row>
    <row r="157" spans="5:16">
      <c r="E157" s="221"/>
      <c r="F157" s="221"/>
      <c r="G157" s="221"/>
      <c r="H157" s="221"/>
      <c r="I157" s="221"/>
      <c r="J157" s="221"/>
      <c r="K157" s="221"/>
      <c r="L157" s="221"/>
      <c r="M157" s="149"/>
      <c r="N157" s="149"/>
      <c r="O157" s="149"/>
      <c r="P157" s="221"/>
    </row>
    <row r="158" spans="5:16">
      <c r="E158" s="221"/>
      <c r="F158" s="221"/>
      <c r="G158" s="221"/>
      <c r="H158" s="221"/>
      <c r="I158" s="221"/>
      <c r="J158" s="221"/>
      <c r="K158" s="221"/>
      <c r="L158" s="221"/>
      <c r="M158" s="149"/>
      <c r="N158" s="149"/>
      <c r="O158" s="149"/>
      <c r="P158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8"/>
  <sheetViews>
    <sheetView zoomScaleNormal="100" zoomScaleSheetLayoutView="115" workbookViewId="0">
      <pane ySplit="8" topLeftCell="A84" activePane="bottomLeft" state="frozen"/>
      <selection pane="bottomLeft" sqref="A1:XFD1"/>
    </sheetView>
  </sheetViews>
  <sheetFormatPr defaultRowHeight="12"/>
  <cols>
    <col min="1" max="1" width="0.1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3" width="10" style="45" customWidth="1"/>
    <col min="14" max="15" width="9.83203125" style="45" customWidth="1"/>
    <col min="16" max="16" width="10.6640625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7" t="s">
        <v>523</v>
      </c>
    </row>
    <row r="6" spans="1:16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16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16" s="15" customFormat="1" ht="3" customHeight="1" thickTop="1">
      <c r="A8" s="188"/>
      <c r="B8" s="189"/>
      <c r="C8" s="189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16" s="219" customFormat="1" ht="17.25" customHeight="1">
      <c r="B9" s="455" t="s">
        <v>92</v>
      </c>
      <c r="C9" s="466"/>
      <c r="D9" s="356"/>
      <c r="E9" s="28"/>
      <c r="F9" s="152">
        <v>61635</v>
      </c>
      <c r="G9" s="152">
        <v>138564</v>
      </c>
      <c r="H9" s="152">
        <v>66123</v>
      </c>
      <c r="I9" s="81">
        <v>72441</v>
      </c>
      <c r="J9" s="346">
        <v>15744</v>
      </c>
      <c r="K9" s="83">
        <v>86091</v>
      </c>
      <c r="L9" s="287">
        <v>32401</v>
      </c>
      <c r="M9" s="347">
        <v>129014</v>
      </c>
      <c r="N9" s="85">
        <v>55226</v>
      </c>
      <c r="O9" s="85">
        <v>15069</v>
      </c>
      <c r="P9" s="86">
        <v>96.1</v>
      </c>
    </row>
    <row r="10" spans="1:16" s="219" customFormat="1" ht="6.6" customHeight="1">
      <c r="B10" s="348"/>
      <c r="C10" s="349"/>
      <c r="D10" s="350"/>
      <c r="E10" s="32"/>
      <c r="F10" s="91"/>
      <c r="G10" s="91"/>
      <c r="H10" s="91"/>
      <c r="I10" s="98"/>
      <c r="J10" s="123"/>
      <c r="K10" s="94"/>
      <c r="L10" s="132"/>
      <c r="M10" s="351"/>
      <c r="N10" s="96"/>
      <c r="O10" s="96"/>
      <c r="P10" s="97"/>
    </row>
    <row r="11" spans="1:16" s="219" customFormat="1" ht="15.75" customHeight="1">
      <c r="B11" s="348" t="s">
        <v>524</v>
      </c>
      <c r="C11" s="349" t="s">
        <v>26</v>
      </c>
      <c r="D11" s="350"/>
      <c r="E11" s="32"/>
      <c r="F11" s="91">
        <v>815</v>
      </c>
      <c r="G11" s="91">
        <v>1161</v>
      </c>
      <c r="H11" s="91">
        <v>613</v>
      </c>
      <c r="I11" s="98">
        <v>548</v>
      </c>
      <c r="J11" s="123">
        <v>41</v>
      </c>
      <c r="K11" s="94">
        <v>823</v>
      </c>
      <c r="L11" s="132">
        <v>256</v>
      </c>
      <c r="M11" s="351">
        <v>1649</v>
      </c>
      <c r="N11" s="96">
        <v>511</v>
      </c>
      <c r="O11" s="96">
        <v>565</v>
      </c>
      <c r="P11" s="97">
        <v>147.19999999999999</v>
      </c>
    </row>
    <row r="12" spans="1:16" s="219" customFormat="1" ht="15.75" customHeight="1">
      <c r="B12" s="348"/>
      <c r="C12" s="349" t="s">
        <v>27</v>
      </c>
      <c r="D12" s="350"/>
      <c r="E12" s="32"/>
      <c r="F12" s="91">
        <v>731</v>
      </c>
      <c r="G12" s="91">
        <v>1418</v>
      </c>
      <c r="H12" s="91">
        <v>663</v>
      </c>
      <c r="I12" s="98">
        <v>755</v>
      </c>
      <c r="J12" s="123">
        <v>91</v>
      </c>
      <c r="K12" s="94">
        <v>853</v>
      </c>
      <c r="L12" s="132">
        <v>412</v>
      </c>
      <c r="M12" s="351">
        <v>1212</v>
      </c>
      <c r="N12" s="96">
        <v>623</v>
      </c>
      <c r="O12" s="277">
        <v>0</v>
      </c>
      <c r="P12" s="97">
        <v>89.4</v>
      </c>
    </row>
    <row r="13" spans="1:16" s="219" customFormat="1" ht="15.75" customHeight="1">
      <c r="B13" s="348" t="s">
        <v>123</v>
      </c>
      <c r="C13" s="349" t="s">
        <v>28</v>
      </c>
      <c r="D13" s="350"/>
      <c r="E13" s="32"/>
      <c r="F13" s="91">
        <v>588</v>
      </c>
      <c r="G13" s="91">
        <v>1187</v>
      </c>
      <c r="H13" s="91">
        <v>517</v>
      </c>
      <c r="I13" s="98">
        <v>670</v>
      </c>
      <c r="J13" s="123">
        <v>99</v>
      </c>
      <c r="K13" s="94">
        <v>750</v>
      </c>
      <c r="L13" s="132">
        <v>271</v>
      </c>
      <c r="M13" s="351">
        <v>1113</v>
      </c>
      <c r="N13" s="96">
        <v>484</v>
      </c>
      <c r="O13" s="96">
        <v>172</v>
      </c>
      <c r="P13" s="97">
        <v>99.4</v>
      </c>
    </row>
    <row r="14" spans="1:16" s="219" customFormat="1" ht="15.75" customHeight="1">
      <c r="B14" s="348"/>
      <c r="C14" s="349" t="s">
        <v>29</v>
      </c>
      <c r="D14" s="350"/>
      <c r="E14" s="32"/>
      <c r="F14" s="91">
        <v>597</v>
      </c>
      <c r="G14" s="91">
        <v>1258</v>
      </c>
      <c r="H14" s="91">
        <v>585</v>
      </c>
      <c r="I14" s="98">
        <v>673</v>
      </c>
      <c r="J14" s="123">
        <v>144</v>
      </c>
      <c r="K14" s="94">
        <v>698</v>
      </c>
      <c r="L14" s="132">
        <v>336</v>
      </c>
      <c r="M14" s="351">
        <v>939</v>
      </c>
      <c r="N14" s="96">
        <v>375</v>
      </c>
      <c r="O14" s="277">
        <v>0</v>
      </c>
      <c r="P14" s="97">
        <v>79.7</v>
      </c>
    </row>
    <row r="15" spans="1:16" s="219" customFormat="1" ht="15.75" customHeight="1">
      <c r="B15" s="348"/>
      <c r="C15" s="349" t="s">
        <v>30</v>
      </c>
      <c r="D15" s="350"/>
      <c r="E15" s="32"/>
      <c r="F15" s="91">
        <v>579</v>
      </c>
      <c r="G15" s="91">
        <v>1373</v>
      </c>
      <c r="H15" s="91">
        <v>633</v>
      </c>
      <c r="I15" s="98">
        <v>740</v>
      </c>
      <c r="J15" s="123">
        <v>149</v>
      </c>
      <c r="K15" s="94">
        <v>838</v>
      </c>
      <c r="L15" s="132">
        <v>325</v>
      </c>
      <c r="M15" s="351">
        <v>1034</v>
      </c>
      <c r="N15" s="96">
        <v>499</v>
      </c>
      <c r="O15" s="277">
        <v>0</v>
      </c>
      <c r="P15" s="97">
        <v>78.8</v>
      </c>
    </row>
    <row r="16" spans="1:16" s="219" customFormat="1" ht="15.75" customHeight="1">
      <c r="B16" s="348" t="s">
        <v>525</v>
      </c>
      <c r="C16" s="349" t="s">
        <v>26</v>
      </c>
      <c r="D16" s="350"/>
      <c r="E16" s="32"/>
      <c r="F16" s="91">
        <v>733</v>
      </c>
      <c r="G16" s="91">
        <v>1467</v>
      </c>
      <c r="H16" s="91">
        <v>694</v>
      </c>
      <c r="I16" s="98">
        <v>773</v>
      </c>
      <c r="J16" s="123">
        <v>147</v>
      </c>
      <c r="K16" s="94">
        <v>822</v>
      </c>
      <c r="L16" s="132">
        <v>370</v>
      </c>
      <c r="M16" s="351">
        <v>1710</v>
      </c>
      <c r="N16" s="96">
        <v>979</v>
      </c>
      <c r="O16" s="96">
        <v>78</v>
      </c>
      <c r="P16" s="97">
        <v>127.7</v>
      </c>
    </row>
    <row r="17" spans="2:16" s="219" customFormat="1" ht="15.75" customHeight="1">
      <c r="B17" s="348"/>
      <c r="C17" s="349" t="s">
        <v>27</v>
      </c>
      <c r="D17" s="350"/>
      <c r="E17" s="32"/>
      <c r="F17" s="91">
        <v>1764</v>
      </c>
      <c r="G17" s="91">
        <v>3475</v>
      </c>
      <c r="H17" s="91">
        <v>1634</v>
      </c>
      <c r="I17" s="98">
        <v>1841</v>
      </c>
      <c r="J17" s="123">
        <v>274</v>
      </c>
      <c r="K17" s="94">
        <v>1845</v>
      </c>
      <c r="L17" s="132">
        <v>797</v>
      </c>
      <c r="M17" s="351">
        <v>2276</v>
      </c>
      <c r="N17" s="96">
        <v>793</v>
      </c>
      <c r="O17" s="96">
        <v>187</v>
      </c>
      <c r="P17" s="97">
        <v>78.099999999999994</v>
      </c>
    </row>
    <row r="18" spans="2:16" s="219" customFormat="1" ht="15.75" customHeight="1">
      <c r="B18" s="348"/>
      <c r="C18" s="349" t="s">
        <v>28</v>
      </c>
      <c r="D18" s="350"/>
      <c r="E18" s="32"/>
      <c r="F18" s="91">
        <v>1029</v>
      </c>
      <c r="G18" s="91">
        <v>2191</v>
      </c>
      <c r="H18" s="91">
        <v>1002</v>
      </c>
      <c r="I18" s="98">
        <v>1189</v>
      </c>
      <c r="J18" s="123">
        <v>194</v>
      </c>
      <c r="K18" s="94">
        <v>1192</v>
      </c>
      <c r="L18" s="132">
        <v>569</v>
      </c>
      <c r="M18" s="351">
        <v>1559</v>
      </c>
      <c r="N18" s="96">
        <v>702</v>
      </c>
      <c r="O18" s="277">
        <v>0</v>
      </c>
      <c r="P18" s="97">
        <v>79.7</v>
      </c>
    </row>
    <row r="19" spans="2:16" s="219" customFormat="1" ht="15.75" customHeight="1">
      <c r="B19" s="348"/>
      <c r="C19" s="349" t="s">
        <v>29</v>
      </c>
      <c r="D19" s="350"/>
      <c r="E19" s="32"/>
      <c r="F19" s="91">
        <v>933</v>
      </c>
      <c r="G19" s="91">
        <v>2228</v>
      </c>
      <c r="H19" s="91">
        <v>1032</v>
      </c>
      <c r="I19" s="98">
        <v>1196</v>
      </c>
      <c r="J19" s="123">
        <v>248</v>
      </c>
      <c r="K19" s="94">
        <v>1463</v>
      </c>
      <c r="L19" s="132">
        <v>460</v>
      </c>
      <c r="M19" s="351">
        <v>1566</v>
      </c>
      <c r="N19" s="96">
        <v>489</v>
      </c>
      <c r="O19" s="96">
        <v>119</v>
      </c>
      <c r="P19" s="97">
        <v>72.099999999999994</v>
      </c>
    </row>
    <row r="20" spans="2:16" s="219" customFormat="1" ht="15.75" customHeight="1">
      <c r="B20" s="348"/>
      <c r="C20" s="349" t="s">
        <v>30</v>
      </c>
      <c r="D20" s="350"/>
      <c r="E20" s="32"/>
      <c r="F20" s="91">
        <v>425</v>
      </c>
      <c r="G20" s="91">
        <v>1142</v>
      </c>
      <c r="H20" s="91">
        <v>558</v>
      </c>
      <c r="I20" s="98">
        <v>584</v>
      </c>
      <c r="J20" s="123">
        <v>157</v>
      </c>
      <c r="K20" s="94">
        <v>740</v>
      </c>
      <c r="L20" s="132">
        <v>228</v>
      </c>
      <c r="M20" s="351">
        <v>1634</v>
      </c>
      <c r="N20" s="96">
        <v>1016</v>
      </c>
      <c r="O20" s="96">
        <v>185</v>
      </c>
      <c r="P20" s="97">
        <v>145.19999999999999</v>
      </c>
    </row>
    <row r="21" spans="2:16" s="219" customFormat="1" ht="15.75" customHeight="1">
      <c r="B21" s="348" t="s">
        <v>526</v>
      </c>
      <c r="C21" s="349" t="s">
        <v>26</v>
      </c>
      <c r="D21" s="350"/>
      <c r="E21" s="32"/>
      <c r="F21" s="91">
        <v>954</v>
      </c>
      <c r="G21" s="91">
        <v>2033</v>
      </c>
      <c r="H21" s="91">
        <v>917</v>
      </c>
      <c r="I21" s="98">
        <v>1116</v>
      </c>
      <c r="J21" s="123">
        <v>199</v>
      </c>
      <c r="K21" s="94">
        <v>1192</v>
      </c>
      <c r="L21" s="132">
        <v>522</v>
      </c>
      <c r="M21" s="351">
        <v>2951</v>
      </c>
      <c r="N21" s="96">
        <v>403</v>
      </c>
      <c r="O21" s="96">
        <v>1741</v>
      </c>
      <c r="P21" s="97">
        <v>154.30000000000001</v>
      </c>
    </row>
    <row r="22" spans="2:16" s="219" customFormat="1" ht="15.75" customHeight="1">
      <c r="B22" s="348"/>
      <c r="C22" s="349" t="s">
        <v>27</v>
      </c>
      <c r="D22" s="350"/>
      <c r="E22" s="32"/>
      <c r="F22" s="91">
        <v>877</v>
      </c>
      <c r="G22" s="91">
        <v>1906</v>
      </c>
      <c r="H22" s="91">
        <v>865</v>
      </c>
      <c r="I22" s="98">
        <v>1041</v>
      </c>
      <c r="J22" s="123">
        <v>169</v>
      </c>
      <c r="K22" s="94">
        <v>1124</v>
      </c>
      <c r="L22" s="132">
        <v>536</v>
      </c>
      <c r="M22" s="351">
        <v>1462</v>
      </c>
      <c r="N22" s="96">
        <v>695</v>
      </c>
      <c r="O22" s="277">
        <v>0</v>
      </c>
      <c r="P22" s="97">
        <v>79.900000000000006</v>
      </c>
    </row>
    <row r="23" spans="2:16" s="219" customFormat="1" ht="15.75" customHeight="1">
      <c r="B23" s="348"/>
      <c r="C23" s="349" t="s">
        <v>28</v>
      </c>
      <c r="D23" s="350"/>
      <c r="E23" s="32"/>
      <c r="F23" s="91">
        <v>601</v>
      </c>
      <c r="G23" s="91">
        <v>1327</v>
      </c>
      <c r="H23" s="91">
        <v>687</v>
      </c>
      <c r="I23" s="98">
        <v>640</v>
      </c>
      <c r="J23" s="123">
        <v>170</v>
      </c>
      <c r="K23" s="94">
        <v>756</v>
      </c>
      <c r="L23" s="132">
        <v>322</v>
      </c>
      <c r="M23" s="351">
        <v>1460</v>
      </c>
      <c r="N23" s="96">
        <v>406</v>
      </c>
      <c r="O23" s="96">
        <v>508</v>
      </c>
      <c r="P23" s="97">
        <v>117</v>
      </c>
    </row>
    <row r="24" spans="2:16" s="219" customFormat="1" ht="15.75" customHeight="1">
      <c r="B24" s="348"/>
      <c r="C24" s="349" t="s">
        <v>29</v>
      </c>
      <c r="D24" s="350"/>
      <c r="E24" s="32"/>
      <c r="F24" s="91">
        <v>555</v>
      </c>
      <c r="G24" s="91">
        <v>1527</v>
      </c>
      <c r="H24" s="91">
        <v>702</v>
      </c>
      <c r="I24" s="98">
        <v>825</v>
      </c>
      <c r="J24" s="123">
        <v>189</v>
      </c>
      <c r="K24" s="94">
        <v>960</v>
      </c>
      <c r="L24" s="132">
        <v>363</v>
      </c>
      <c r="M24" s="351">
        <v>1388</v>
      </c>
      <c r="N24" s="96">
        <v>617</v>
      </c>
      <c r="O24" s="96">
        <v>155</v>
      </c>
      <c r="P24" s="97">
        <v>91.8</v>
      </c>
    </row>
    <row r="25" spans="2:16" s="219" customFormat="1" ht="15.75" customHeight="1">
      <c r="B25" s="348"/>
      <c r="C25" s="349" t="s">
        <v>30</v>
      </c>
      <c r="D25" s="350"/>
      <c r="E25" s="32"/>
      <c r="F25" s="91">
        <v>898</v>
      </c>
      <c r="G25" s="91">
        <v>2115</v>
      </c>
      <c r="H25" s="91">
        <v>985</v>
      </c>
      <c r="I25" s="98">
        <v>1130</v>
      </c>
      <c r="J25" s="123">
        <v>205</v>
      </c>
      <c r="K25" s="94">
        <v>1336</v>
      </c>
      <c r="L25" s="132">
        <v>541</v>
      </c>
      <c r="M25" s="351">
        <v>1340</v>
      </c>
      <c r="N25" s="96">
        <v>443</v>
      </c>
      <c r="O25" s="277">
        <v>0</v>
      </c>
      <c r="P25" s="97">
        <v>64.400000000000006</v>
      </c>
    </row>
    <row r="26" spans="2:16" s="219" customFormat="1" ht="15.75" customHeight="1">
      <c r="B26" s="348" t="s">
        <v>527</v>
      </c>
      <c r="C26" s="349" t="s">
        <v>26</v>
      </c>
      <c r="D26" s="350"/>
      <c r="E26" s="32"/>
      <c r="F26" s="91">
        <v>752</v>
      </c>
      <c r="G26" s="91">
        <v>1748</v>
      </c>
      <c r="H26" s="91">
        <v>819</v>
      </c>
      <c r="I26" s="98">
        <v>929</v>
      </c>
      <c r="J26" s="123">
        <v>157</v>
      </c>
      <c r="K26" s="94">
        <v>1072</v>
      </c>
      <c r="L26" s="132">
        <v>471</v>
      </c>
      <c r="M26" s="351">
        <v>1305</v>
      </c>
      <c r="N26" s="96">
        <v>391</v>
      </c>
      <c r="O26" s="96">
        <v>186</v>
      </c>
      <c r="P26" s="97">
        <v>76.8</v>
      </c>
    </row>
    <row r="27" spans="2:16" s="219" customFormat="1" ht="15.75" customHeight="1">
      <c r="B27" s="348"/>
      <c r="C27" s="349" t="s">
        <v>27</v>
      </c>
      <c r="D27" s="350"/>
      <c r="E27" s="32"/>
      <c r="F27" s="91">
        <v>285</v>
      </c>
      <c r="G27" s="91">
        <v>676</v>
      </c>
      <c r="H27" s="91">
        <v>323</v>
      </c>
      <c r="I27" s="98">
        <v>353</v>
      </c>
      <c r="J27" s="123">
        <v>71</v>
      </c>
      <c r="K27" s="94">
        <v>406</v>
      </c>
      <c r="L27" s="132">
        <v>197</v>
      </c>
      <c r="M27" s="351">
        <v>1475</v>
      </c>
      <c r="N27" s="96">
        <v>387</v>
      </c>
      <c r="O27" s="96">
        <v>797</v>
      </c>
      <c r="P27" s="97">
        <v>218.8</v>
      </c>
    </row>
    <row r="28" spans="2:16" s="219" customFormat="1" ht="15.75" customHeight="1">
      <c r="B28" s="348"/>
      <c r="C28" s="349" t="s">
        <v>28</v>
      </c>
      <c r="D28" s="350"/>
      <c r="E28" s="32"/>
      <c r="F28" s="91">
        <v>474</v>
      </c>
      <c r="G28" s="91">
        <v>1084</v>
      </c>
      <c r="H28" s="91">
        <v>494</v>
      </c>
      <c r="I28" s="98">
        <v>590</v>
      </c>
      <c r="J28" s="123">
        <v>86</v>
      </c>
      <c r="K28" s="94">
        <v>643</v>
      </c>
      <c r="L28" s="132">
        <v>324</v>
      </c>
      <c r="M28" s="351">
        <v>654</v>
      </c>
      <c r="N28" s="96">
        <v>188</v>
      </c>
      <c r="O28" s="277">
        <v>0</v>
      </c>
      <c r="P28" s="97">
        <v>62.1</v>
      </c>
    </row>
    <row r="29" spans="2:16" s="219" customFormat="1" ht="15.75" customHeight="1">
      <c r="B29" s="348"/>
      <c r="C29" s="349" t="s">
        <v>29</v>
      </c>
      <c r="D29" s="350"/>
      <c r="E29" s="32"/>
      <c r="F29" s="91">
        <v>438</v>
      </c>
      <c r="G29" s="91">
        <v>1084</v>
      </c>
      <c r="H29" s="91">
        <v>489</v>
      </c>
      <c r="I29" s="98">
        <v>595</v>
      </c>
      <c r="J29" s="123">
        <v>131</v>
      </c>
      <c r="K29" s="94">
        <v>606</v>
      </c>
      <c r="L29" s="132">
        <v>311</v>
      </c>
      <c r="M29" s="351">
        <v>1235</v>
      </c>
      <c r="N29" s="96">
        <v>501</v>
      </c>
      <c r="O29" s="96">
        <v>285</v>
      </c>
      <c r="P29" s="97">
        <v>117.8</v>
      </c>
    </row>
    <row r="30" spans="2:16" s="219" customFormat="1" ht="15.75" customHeight="1">
      <c r="B30" s="348" t="s">
        <v>528</v>
      </c>
      <c r="C30" s="349" t="s">
        <v>26</v>
      </c>
      <c r="D30" s="350"/>
      <c r="E30" s="32"/>
      <c r="F30" s="91">
        <v>881</v>
      </c>
      <c r="G30" s="91">
        <v>1886</v>
      </c>
      <c r="H30" s="91">
        <v>863</v>
      </c>
      <c r="I30" s="98">
        <v>1023</v>
      </c>
      <c r="J30" s="123">
        <v>158</v>
      </c>
      <c r="K30" s="94">
        <v>1129</v>
      </c>
      <c r="L30" s="132">
        <v>541</v>
      </c>
      <c r="M30" s="351">
        <v>1028</v>
      </c>
      <c r="N30" s="96">
        <v>254</v>
      </c>
      <c r="O30" s="277">
        <v>0</v>
      </c>
      <c r="P30" s="97">
        <v>56.2</v>
      </c>
    </row>
    <row r="31" spans="2:16" s="219" customFormat="1" ht="15.75" customHeight="1">
      <c r="B31" s="348"/>
      <c r="C31" s="349" t="s">
        <v>27</v>
      </c>
      <c r="D31" s="350"/>
      <c r="E31" s="32"/>
      <c r="F31" s="91">
        <v>287</v>
      </c>
      <c r="G31" s="91">
        <v>620</v>
      </c>
      <c r="H31" s="91">
        <v>278</v>
      </c>
      <c r="I31" s="98">
        <v>342</v>
      </c>
      <c r="J31" s="123">
        <v>51</v>
      </c>
      <c r="K31" s="94">
        <v>400</v>
      </c>
      <c r="L31" s="132">
        <v>163</v>
      </c>
      <c r="M31" s="351">
        <v>471</v>
      </c>
      <c r="N31" s="96">
        <v>205</v>
      </c>
      <c r="O31" s="277">
        <v>0</v>
      </c>
      <c r="P31" s="97">
        <v>76.7</v>
      </c>
    </row>
    <row r="32" spans="2:16" s="219" customFormat="1" ht="15.75" customHeight="1">
      <c r="B32" s="348"/>
      <c r="C32" s="349" t="s">
        <v>28</v>
      </c>
      <c r="D32" s="350"/>
      <c r="E32" s="32"/>
      <c r="F32" s="91">
        <v>605</v>
      </c>
      <c r="G32" s="91">
        <v>1382</v>
      </c>
      <c r="H32" s="91">
        <v>660</v>
      </c>
      <c r="I32" s="98">
        <v>722</v>
      </c>
      <c r="J32" s="123">
        <v>110</v>
      </c>
      <c r="K32" s="94">
        <v>790</v>
      </c>
      <c r="L32" s="132">
        <v>402</v>
      </c>
      <c r="M32" s="351">
        <v>1822</v>
      </c>
      <c r="N32" s="96">
        <v>673</v>
      </c>
      <c r="O32" s="96">
        <v>542</v>
      </c>
      <c r="P32" s="97">
        <v>139.9</v>
      </c>
    </row>
    <row r="33" spans="2:16" s="219" customFormat="1" ht="15.75" customHeight="1">
      <c r="B33" s="348"/>
      <c r="C33" s="349" t="s">
        <v>29</v>
      </c>
      <c r="D33" s="350"/>
      <c r="E33" s="32"/>
      <c r="F33" s="91">
        <v>1027</v>
      </c>
      <c r="G33" s="91">
        <v>2345</v>
      </c>
      <c r="H33" s="91">
        <v>1125</v>
      </c>
      <c r="I33" s="98">
        <v>1220</v>
      </c>
      <c r="J33" s="123">
        <v>242</v>
      </c>
      <c r="K33" s="94">
        <v>1400</v>
      </c>
      <c r="L33" s="132">
        <v>698</v>
      </c>
      <c r="M33" s="351">
        <v>1731</v>
      </c>
      <c r="N33" s="96">
        <v>660</v>
      </c>
      <c r="O33" s="96">
        <v>7</v>
      </c>
      <c r="P33" s="97">
        <v>74</v>
      </c>
    </row>
    <row r="34" spans="2:16" s="219" customFormat="1" ht="15.75" customHeight="1">
      <c r="B34" s="348" t="s">
        <v>529</v>
      </c>
      <c r="C34" s="349" t="s">
        <v>26</v>
      </c>
      <c r="D34" s="350"/>
      <c r="E34" s="32"/>
      <c r="F34" s="91">
        <v>755</v>
      </c>
      <c r="G34" s="91">
        <v>1652</v>
      </c>
      <c r="H34" s="91">
        <v>775</v>
      </c>
      <c r="I34" s="98">
        <v>877</v>
      </c>
      <c r="J34" s="123">
        <v>173</v>
      </c>
      <c r="K34" s="94">
        <v>987</v>
      </c>
      <c r="L34" s="132">
        <v>452</v>
      </c>
      <c r="M34" s="351">
        <v>1939</v>
      </c>
      <c r="N34" s="96">
        <v>1249</v>
      </c>
      <c r="O34" s="277">
        <v>0</v>
      </c>
      <c r="P34" s="97">
        <v>120.3</v>
      </c>
    </row>
    <row r="35" spans="2:16" s="219" customFormat="1" ht="15.75" customHeight="1">
      <c r="B35" s="348"/>
      <c r="C35" s="349" t="s">
        <v>27</v>
      </c>
      <c r="D35" s="350"/>
      <c r="E35" s="32"/>
      <c r="F35" s="91">
        <v>502</v>
      </c>
      <c r="G35" s="91">
        <v>1158</v>
      </c>
      <c r="H35" s="91">
        <v>518</v>
      </c>
      <c r="I35" s="98">
        <v>640</v>
      </c>
      <c r="J35" s="123">
        <v>119</v>
      </c>
      <c r="K35" s="94">
        <v>635</v>
      </c>
      <c r="L35" s="132">
        <v>366</v>
      </c>
      <c r="M35" s="351">
        <v>2259</v>
      </c>
      <c r="N35" s="96">
        <v>924</v>
      </c>
      <c r="O35" s="96">
        <v>820</v>
      </c>
      <c r="P35" s="97">
        <v>201.7</v>
      </c>
    </row>
    <row r="36" spans="2:16" s="219" customFormat="1" ht="15.75" customHeight="1">
      <c r="B36" s="348"/>
      <c r="C36" s="349" t="s">
        <v>28</v>
      </c>
      <c r="D36" s="350"/>
      <c r="E36" s="32"/>
      <c r="F36" s="91">
        <v>947</v>
      </c>
      <c r="G36" s="91">
        <v>2549</v>
      </c>
      <c r="H36" s="91">
        <v>1205</v>
      </c>
      <c r="I36" s="98">
        <v>1344</v>
      </c>
      <c r="J36" s="123">
        <v>319</v>
      </c>
      <c r="K36" s="94">
        <v>1497</v>
      </c>
      <c r="L36" s="132">
        <v>666</v>
      </c>
      <c r="M36" s="351">
        <v>1679</v>
      </c>
      <c r="N36" s="96">
        <v>447</v>
      </c>
      <c r="O36" s="277">
        <v>0</v>
      </c>
      <c r="P36" s="97">
        <v>67.599999999999994</v>
      </c>
    </row>
    <row r="37" spans="2:16" s="219" customFormat="1" ht="15.75" customHeight="1">
      <c r="B37" s="348"/>
      <c r="C37" s="349" t="s">
        <v>29</v>
      </c>
      <c r="D37" s="350"/>
      <c r="E37" s="32"/>
      <c r="F37" s="91">
        <v>485</v>
      </c>
      <c r="G37" s="91">
        <v>1332</v>
      </c>
      <c r="H37" s="91">
        <v>652</v>
      </c>
      <c r="I37" s="98">
        <v>680</v>
      </c>
      <c r="J37" s="123">
        <v>124</v>
      </c>
      <c r="K37" s="94">
        <v>735</v>
      </c>
      <c r="L37" s="132">
        <v>366</v>
      </c>
      <c r="M37" s="351">
        <v>795</v>
      </c>
      <c r="N37" s="96">
        <v>245</v>
      </c>
      <c r="O37" s="277">
        <v>0</v>
      </c>
      <c r="P37" s="97">
        <v>64.900000000000006</v>
      </c>
    </row>
    <row r="38" spans="2:16" s="219" customFormat="1" ht="15.75" customHeight="1">
      <c r="B38" s="348" t="s">
        <v>530</v>
      </c>
      <c r="C38" s="349" t="s">
        <v>26</v>
      </c>
      <c r="D38" s="350"/>
      <c r="E38" s="32"/>
      <c r="F38" s="91">
        <v>527</v>
      </c>
      <c r="G38" s="91">
        <v>1172</v>
      </c>
      <c r="H38" s="91">
        <v>546</v>
      </c>
      <c r="I38" s="98">
        <v>626</v>
      </c>
      <c r="J38" s="123">
        <v>172</v>
      </c>
      <c r="K38" s="94">
        <v>694</v>
      </c>
      <c r="L38" s="132">
        <v>257</v>
      </c>
      <c r="M38" s="351">
        <v>1023</v>
      </c>
      <c r="N38" s="96">
        <v>535</v>
      </c>
      <c r="O38" s="277">
        <v>0</v>
      </c>
      <c r="P38" s="97">
        <v>91.1</v>
      </c>
    </row>
    <row r="39" spans="2:16" s="219" customFormat="1" ht="15.75" customHeight="1">
      <c r="B39" s="348"/>
      <c r="C39" s="349" t="s">
        <v>27</v>
      </c>
      <c r="D39" s="350"/>
      <c r="E39" s="32"/>
      <c r="F39" s="91">
        <v>752</v>
      </c>
      <c r="G39" s="91">
        <v>1837</v>
      </c>
      <c r="H39" s="91">
        <v>876</v>
      </c>
      <c r="I39" s="98">
        <v>961</v>
      </c>
      <c r="J39" s="123">
        <v>194</v>
      </c>
      <c r="K39" s="94">
        <v>1141</v>
      </c>
      <c r="L39" s="132">
        <v>480</v>
      </c>
      <c r="M39" s="351">
        <v>987</v>
      </c>
      <c r="N39" s="96">
        <v>225</v>
      </c>
      <c r="O39" s="277">
        <v>0</v>
      </c>
      <c r="P39" s="97">
        <v>54.4</v>
      </c>
    </row>
    <row r="40" spans="2:16" s="219" customFormat="1" ht="15.75" customHeight="1">
      <c r="B40" s="348"/>
      <c r="C40" s="349" t="s">
        <v>28</v>
      </c>
      <c r="D40" s="350"/>
      <c r="E40" s="32"/>
      <c r="F40" s="91">
        <v>469</v>
      </c>
      <c r="G40" s="91">
        <v>1171</v>
      </c>
      <c r="H40" s="91">
        <v>558</v>
      </c>
      <c r="I40" s="98">
        <v>613</v>
      </c>
      <c r="J40" s="123">
        <v>134</v>
      </c>
      <c r="K40" s="94">
        <v>738</v>
      </c>
      <c r="L40" s="132">
        <v>295</v>
      </c>
      <c r="M40" s="351">
        <v>1093</v>
      </c>
      <c r="N40" s="96">
        <v>330</v>
      </c>
      <c r="O40" s="96">
        <v>288</v>
      </c>
      <c r="P40" s="97">
        <v>93.7</v>
      </c>
    </row>
    <row r="41" spans="2:16" s="219" customFormat="1" ht="15.75" customHeight="1">
      <c r="B41" s="348" t="s">
        <v>531</v>
      </c>
      <c r="C41" s="349" t="s">
        <v>26</v>
      </c>
      <c r="D41" s="350"/>
      <c r="E41" s="32"/>
      <c r="F41" s="91">
        <v>229</v>
      </c>
      <c r="G41" s="91">
        <v>438</v>
      </c>
      <c r="H41" s="91">
        <v>208</v>
      </c>
      <c r="I41" s="98">
        <v>230</v>
      </c>
      <c r="J41" s="123">
        <v>27</v>
      </c>
      <c r="K41" s="94">
        <v>258</v>
      </c>
      <c r="L41" s="132">
        <v>140</v>
      </c>
      <c r="M41" s="351">
        <v>777</v>
      </c>
      <c r="N41" s="96">
        <v>611</v>
      </c>
      <c r="O41" s="277">
        <v>0</v>
      </c>
      <c r="P41" s="97">
        <v>182.8</v>
      </c>
    </row>
    <row r="42" spans="2:16" s="219" customFormat="1" ht="15.75" customHeight="1">
      <c r="B42" s="348"/>
      <c r="C42" s="349" t="s">
        <v>27</v>
      </c>
      <c r="D42" s="350"/>
      <c r="E42" s="32"/>
      <c r="F42" s="91">
        <v>935</v>
      </c>
      <c r="G42" s="91">
        <v>2003</v>
      </c>
      <c r="H42" s="91">
        <v>918</v>
      </c>
      <c r="I42" s="98">
        <v>1085</v>
      </c>
      <c r="J42" s="123">
        <v>164</v>
      </c>
      <c r="K42" s="94">
        <v>1199</v>
      </c>
      <c r="L42" s="132">
        <v>557</v>
      </c>
      <c r="M42" s="351">
        <v>2107</v>
      </c>
      <c r="N42" s="96">
        <v>611</v>
      </c>
      <c r="O42" s="96">
        <v>729</v>
      </c>
      <c r="P42" s="97">
        <v>109.7</v>
      </c>
    </row>
    <row r="43" spans="2:16" s="219" customFormat="1" ht="15.75" customHeight="1">
      <c r="B43" s="348"/>
      <c r="C43" s="349" t="s">
        <v>28</v>
      </c>
      <c r="D43" s="350"/>
      <c r="E43" s="32"/>
      <c r="F43" s="91">
        <v>551</v>
      </c>
      <c r="G43" s="91">
        <v>1217</v>
      </c>
      <c r="H43" s="91">
        <v>548</v>
      </c>
      <c r="I43" s="98">
        <v>669</v>
      </c>
      <c r="J43" s="123">
        <v>100</v>
      </c>
      <c r="K43" s="94">
        <v>672</v>
      </c>
      <c r="L43" s="132">
        <v>392</v>
      </c>
      <c r="M43" s="351">
        <v>705</v>
      </c>
      <c r="N43" s="96">
        <v>191</v>
      </c>
      <c r="O43" s="277">
        <v>0</v>
      </c>
      <c r="P43" s="97">
        <v>60.6</v>
      </c>
    </row>
    <row r="44" spans="2:16" s="219" customFormat="1" ht="16.5" customHeight="1">
      <c r="B44" s="348"/>
      <c r="C44" s="349" t="s">
        <v>29</v>
      </c>
      <c r="D44" s="350"/>
      <c r="E44" s="32"/>
      <c r="F44" s="91">
        <v>704</v>
      </c>
      <c r="G44" s="91">
        <v>1598</v>
      </c>
      <c r="H44" s="91">
        <v>728</v>
      </c>
      <c r="I44" s="98">
        <v>870</v>
      </c>
      <c r="J44" s="123">
        <v>158</v>
      </c>
      <c r="K44" s="94">
        <v>907</v>
      </c>
      <c r="L44" s="132">
        <v>471</v>
      </c>
      <c r="M44" s="351">
        <v>1084</v>
      </c>
      <c r="N44" s="96">
        <v>433</v>
      </c>
      <c r="O44" s="277">
        <v>0</v>
      </c>
      <c r="P44" s="97">
        <v>70.599999999999994</v>
      </c>
    </row>
    <row r="45" spans="2:16" s="219" customFormat="1" ht="16.5" customHeight="1">
      <c r="B45" s="348" t="s">
        <v>0</v>
      </c>
      <c r="C45" s="349" t="s">
        <v>30</v>
      </c>
      <c r="D45" s="350"/>
      <c r="E45" s="32"/>
      <c r="F45" s="91">
        <v>540</v>
      </c>
      <c r="G45" s="91">
        <v>1244</v>
      </c>
      <c r="H45" s="91">
        <v>584</v>
      </c>
      <c r="I45" s="98">
        <v>660</v>
      </c>
      <c r="J45" s="123">
        <v>147</v>
      </c>
      <c r="K45" s="94">
        <v>666</v>
      </c>
      <c r="L45" s="132">
        <v>377</v>
      </c>
      <c r="M45" s="351">
        <v>908</v>
      </c>
      <c r="N45" s="96">
        <v>402</v>
      </c>
      <c r="O45" s="277">
        <v>0</v>
      </c>
      <c r="P45" s="97">
        <v>76.3</v>
      </c>
    </row>
    <row r="46" spans="2:16" s="219" customFormat="1" ht="16.5" customHeight="1">
      <c r="B46" s="348"/>
      <c r="C46" s="349" t="s">
        <v>31</v>
      </c>
      <c r="D46" s="350"/>
      <c r="E46" s="32"/>
      <c r="F46" s="91">
        <v>317</v>
      </c>
      <c r="G46" s="91">
        <v>778</v>
      </c>
      <c r="H46" s="91">
        <v>377</v>
      </c>
      <c r="I46" s="98">
        <v>401</v>
      </c>
      <c r="J46" s="123">
        <v>71</v>
      </c>
      <c r="K46" s="94">
        <v>463</v>
      </c>
      <c r="L46" s="132">
        <v>238</v>
      </c>
      <c r="M46" s="351">
        <v>764</v>
      </c>
      <c r="N46" s="96">
        <v>205</v>
      </c>
      <c r="O46" s="96">
        <v>232</v>
      </c>
      <c r="P46" s="97">
        <v>99</v>
      </c>
    </row>
    <row r="47" spans="2:16" s="219" customFormat="1" ht="16.5" customHeight="1">
      <c r="B47" s="348" t="s">
        <v>532</v>
      </c>
      <c r="C47" s="349" t="s">
        <v>26</v>
      </c>
      <c r="D47" s="350"/>
      <c r="E47" s="32"/>
      <c r="F47" s="91">
        <v>705</v>
      </c>
      <c r="G47" s="91">
        <v>1935</v>
      </c>
      <c r="H47" s="91">
        <v>877</v>
      </c>
      <c r="I47" s="98">
        <v>1058</v>
      </c>
      <c r="J47" s="123">
        <v>227</v>
      </c>
      <c r="K47" s="94">
        <v>1171</v>
      </c>
      <c r="L47" s="132">
        <v>495</v>
      </c>
      <c r="M47" s="351">
        <v>1837</v>
      </c>
      <c r="N47" s="96">
        <v>894</v>
      </c>
      <c r="O47" s="277">
        <v>0</v>
      </c>
      <c r="P47" s="97">
        <v>97</v>
      </c>
    </row>
    <row r="48" spans="2:16" s="219" customFormat="1" ht="16.5" customHeight="1">
      <c r="B48" s="348"/>
      <c r="C48" s="349" t="s">
        <v>27</v>
      </c>
      <c r="D48" s="350"/>
      <c r="E48" s="32"/>
      <c r="F48" s="91">
        <v>652</v>
      </c>
      <c r="G48" s="91">
        <v>1649</v>
      </c>
      <c r="H48" s="91">
        <v>778</v>
      </c>
      <c r="I48" s="98">
        <v>871</v>
      </c>
      <c r="J48" s="123">
        <v>174</v>
      </c>
      <c r="K48" s="94">
        <v>1007</v>
      </c>
      <c r="L48" s="132">
        <v>418</v>
      </c>
      <c r="M48" s="351">
        <v>1579</v>
      </c>
      <c r="N48" s="96">
        <v>894</v>
      </c>
      <c r="O48" s="277">
        <v>0</v>
      </c>
      <c r="P48" s="97">
        <v>98.7</v>
      </c>
    </row>
    <row r="49" spans="2:16" s="219" customFormat="1" ht="16.5" customHeight="1">
      <c r="B49" s="348"/>
      <c r="C49" s="349" t="s">
        <v>28</v>
      </c>
      <c r="D49" s="350"/>
      <c r="E49" s="32"/>
      <c r="F49" s="91">
        <v>339</v>
      </c>
      <c r="G49" s="91">
        <v>884</v>
      </c>
      <c r="H49" s="91">
        <v>415</v>
      </c>
      <c r="I49" s="98">
        <v>469</v>
      </c>
      <c r="J49" s="123">
        <v>120</v>
      </c>
      <c r="K49" s="94">
        <v>555</v>
      </c>
      <c r="L49" s="132">
        <v>209</v>
      </c>
      <c r="M49" s="351">
        <v>1269</v>
      </c>
      <c r="N49" s="96">
        <v>712</v>
      </c>
      <c r="O49" s="96">
        <v>210</v>
      </c>
      <c r="P49" s="97">
        <v>143.6</v>
      </c>
    </row>
    <row r="50" spans="2:16" s="219" customFormat="1" ht="16.5" customHeight="1">
      <c r="B50" s="348"/>
      <c r="C50" s="349" t="s">
        <v>29</v>
      </c>
      <c r="D50" s="350"/>
      <c r="E50" s="32"/>
      <c r="F50" s="91">
        <v>668</v>
      </c>
      <c r="G50" s="91">
        <v>1767</v>
      </c>
      <c r="H50" s="91">
        <v>836</v>
      </c>
      <c r="I50" s="98">
        <v>931</v>
      </c>
      <c r="J50" s="123">
        <v>178</v>
      </c>
      <c r="K50" s="94">
        <v>1058</v>
      </c>
      <c r="L50" s="132">
        <v>514</v>
      </c>
      <c r="M50" s="351">
        <v>1345</v>
      </c>
      <c r="N50" s="96">
        <v>550</v>
      </c>
      <c r="O50" s="277">
        <v>0</v>
      </c>
      <c r="P50" s="97">
        <v>76.900000000000006</v>
      </c>
    </row>
    <row r="51" spans="2:16" s="219" customFormat="1" ht="16.5" customHeight="1">
      <c r="B51" s="348"/>
      <c r="C51" s="349" t="s">
        <v>30</v>
      </c>
      <c r="D51" s="350"/>
      <c r="E51" s="32"/>
      <c r="F51" s="91">
        <v>923</v>
      </c>
      <c r="G51" s="91">
        <v>2162</v>
      </c>
      <c r="H51" s="91">
        <v>1088</v>
      </c>
      <c r="I51" s="98">
        <v>1074</v>
      </c>
      <c r="J51" s="123">
        <v>259</v>
      </c>
      <c r="K51" s="94">
        <v>1289</v>
      </c>
      <c r="L51" s="132">
        <v>486</v>
      </c>
      <c r="M51" s="351">
        <v>2796</v>
      </c>
      <c r="N51" s="96">
        <v>1753</v>
      </c>
      <c r="O51" s="96">
        <v>206</v>
      </c>
      <c r="P51" s="97">
        <v>137.5</v>
      </c>
    </row>
    <row r="52" spans="2:16" s="219" customFormat="1" ht="16.5" customHeight="1">
      <c r="B52" s="348"/>
      <c r="C52" s="349" t="s">
        <v>31</v>
      </c>
      <c r="D52" s="350"/>
      <c r="E52" s="32"/>
      <c r="F52" s="91">
        <v>479</v>
      </c>
      <c r="G52" s="91">
        <v>1132</v>
      </c>
      <c r="H52" s="91">
        <v>598</v>
      </c>
      <c r="I52" s="98">
        <v>534</v>
      </c>
      <c r="J52" s="123">
        <v>141</v>
      </c>
      <c r="K52" s="94">
        <v>688</v>
      </c>
      <c r="L52" s="132">
        <v>241</v>
      </c>
      <c r="M52" s="351">
        <v>1593</v>
      </c>
      <c r="N52" s="96">
        <v>1108</v>
      </c>
      <c r="O52" s="277">
        <v>0</v>
      </c>
      <c r="P52" s="97">
        <v>148.9</v>
      </c>
    </row>
    <row r="53" spans="2:16" s="219" customFormat="1" ht="16.5" customHeight="1">
      <c r="B53" s="348" t="s">
        <v>533</v>
      </c>
      <c r="C53" s="349" t="s">
        <v>26</v>
      </c>
      <c r="D53" s="350"/>
      <c r="E53" s="32"/>
      <c r="F53" s="91">
        <v>360</v>
      </c>
      <c r="G53" s="91">
        <v>680</v>
      </c>
      <c r="H53" s="91">
        <v>304</v>
      </c>
      <c r="I53" s="98">
        <v>376</v>
      </c>
      <c r="J53" s="123">
        <v>47</v>
      </c>
      <c r="K53" s="94">
        <v>440</v>
      </c>
      <c r="L53" s="132">
        <v>193</v>
      </c>
      <c r="M53" s="351">
        <v>1150</v>
      </c>
      <c r="N53" s="96">
        <v>766</v>
      </c>
      <c r="O53" s="277">
        <v>0</v>
      </c>
      <c r="P53" s="97">
        <v>169.1</v>
      </c>
    </row>
    <row r="54" spans="2:16" s="219" customFormat="1" ht="16.5" customHeight="1">
      <c r="B54" s="352"/>
      <c r="C54" s="353" t="s">
        <v>27</v>
      </c>
      <c r="D54" s="354"/>
      <c r="E54" s="40"/>
      <c r="F54" s="115">
        <v>605</v>
      </c>
      <c r="G54" s="115">
        <v>1556</v>
      </c>
      <c r="H54" s="115">
        <v>727</v>
      </c>
      <c r="I54" s="114">
        <v>829</v>
      </c>
      <c r="J54" s="127">
        <v>281</v>
      </c>
      <c r="K54" s="118">
        <v>991</v>
      </c>
      <c r="L54" s="276">
        <v>281</v>
      </c>
      <c r="M54" s="355">
        <v>1221</v>
      </c>
      <c r="N54" s="120">
        <v>507</v>
      </c>
      <c r="O54" s="120">
        <v>14</v>
      </c>
      <c r="P54" s="122">
        <v>78.599999999999994</v>
      </c>
    </row>
    <row r="55" spans="2:16" s="219" customFormat="1" ht="15.75" customHeight="1">
      <c r="B55" s="348" t="s">
        <v>534</v>
      </c>
      <c r="C55" s="349" t="s">
        <v>28</v>
      </c>
      <c r="D55" s="350"/>
      <c r="E55" s="32"/>
      <c r="F55" s="91">
        <v>387</v>
      </c>
      <c r="G55" s="91">
        <v>899</v>
      </c>
      <c r="H55" s="91">
        <v>440</v>
      </c>
      <c r="I55" s="98">
        <v>459</v>
      </c>
      <c r="J55" s="123">
        <v>176</v>
      </c>
      <c r="K55" s="94">
        <v>568</v>
      </c>
      <c r="L55" s="132">
        <v>139</v>
      </c>
      <c r="M55" s="351">
        <v>1529</v>
      </c>
      <c r="N55" s="96">
        <v>781</v>
      </c>
      <c r="O55" s="96">
        <v>397</v>
      </c>
      <c r="P55" s="97">
        <v>173.2</v>
      </c>
    </row>
    <row r="56" spans="2:16" s="219" customFormat="1" ht="15.75" customHeight="1">
      <c r="B56" s="348"/>
      <c r="C56" s="349" t="s">
        <v>29</v>
      </c>
      <c r="D56" s="350"/>
      <c r="E56" s="32"/>
      <c r="F56" s="91">
        <v>525</v>
      </c>
      <c r="G56" s="91">
        <v>1399</v>
      </c>
      <c r="H56" s="91">
        <v>665</v>
      </c>
      <c r="I56" s="98">
        <v>734</v>
      </c>
      <c r="J56" s="123">
        <v>167</v>
      </c>
      <c r="K56" s="94">
        <v>928</v>
      </c>
      <c r="L56" s="132">
        <v>302</v>
      </c>
      <c r="M56" s="351">
        <v>1608</v>
      </c>
      <c r="N56" s="96">
        <v>1034</v>
      </c>
      <c r="O56" s="277">
        <v>0</v>
      </c>
      <c r="P56" s="97">
        <v>115.1</v>
      </c>
    </row>
    <row r="57" spans="2:16" s="219" customFormat="1" ht="15.75" customHeight="1">
      <c r="B57" s="348"/>
      <c r="C57" s="349" t="s">
        <v>30</v>
      </c>
      <c r="D57" s="350"/>
      <c r="E57" s="32"/>
      <c r="F57" s="91">
        <v>213</v>
      </c>
      <c r="G57" s="91">
        <v>665</v>
      </c>
      <c r="H57" s="91">
        <v>279</v>
      </c>
      <c r="I57" s="98">
        <v>386</v>
      </c>
      <c r="J57" s="123">
        <v>49</v>
      </c>
      <c r="K57" s="94">
        <v>324</v>
      </c>
      <c r="L57" s="132">
        <v>279</v>
      </c>
      <c r="M57" s="351">
        <v>1280</v>
      </c>
      <c r="N57" s="96">
        <v>885</v>
      </c>
      <c r="O57" s="277">
        <v>0</v>
      </c>
      <c r="P57" s="97">
        <v>196.3</v>
      </c>
    </row>
    <row r="58" spans="2:16" s="219" customFormat="1" ht="15.75" customHeight="1">
      <c r="B58" s="348"/>
      <c r="C58" s="349" t="s">
        <v>31</v>
      </c>
      <c r="D58" s="350"/>
      <c r="E58" s="32"/>
      <c r="F58" s="91">
        <v>364</v>
      </c>
      <c r="G58" s="91">
        <v>952</v>
      </c>
      <c r="H58" s="91">
        <v>436</v>
      </c>
      <c r="I58" s="98">
        <v>516</v>
      </c>
      <c r="J58" s="123">
        <v>88</v>
      </c>
      <c r="K58" s="94">
        <v>625</v>
      </c>
      <c r="L58" s="132">
        <v>219</v>
      </c>
      <c r="M58" s="351">
        <v>1467</v>
      </c>
      <c r="N58" s="96">
        <v>832</v>
      </c>
      <c r="O58" s="96">
        <v>258</v>
      </c>
      <c r="P58" s="97">
        <v>157.4</v>
      </c>
    </row>
    <row r="59" spans="2:16" s="219" customFormat="1" ht="15.75" customHeight="1">
      <c r="B59" s="348" t="s">
        <v>535</v>
      </c>
      <c r="C59" s="349" t="s">
        <v>26</v>
      </c>
      <c r="D59" s="350"/>
      <c r="E59" s="32"/>
      <c r="F59" s="91">
        <v>896</v>
      </c>
      <c r="G59" s="91">
        <v>1934</v>
      </c>
      <c r="H59" s="91">
        <v>957</v>
      </c>
      <c r="I59" s="98">
        <v>977</v>
      </c>
      <c r="J59" s="123">
        <v>216</v>
      </c>
      <c r="K59" s="94">
        <v>1213</v>
      </c>
      <c r="L59" s="132">
        <v>441</v>
      </c>
      <c r="M59" s="351">
        <v>1133</v>
      </c>
      <c r="N59" s="96">
        <v>374</v>
      </c>
      <c r="O59" s="277">
        <v>0</v>
      </c>
      <c r="P59" s="97">
        <v>60.6</v>
      </c>
    </row>
    <row r="60" spans="2:16" s="219" customFormat="1" ht="15.75" customHeight="1">
      <c r="B60" s="348"/>
      <c r="C60" s="349" t="s">
        <v>27</v>
      </c>
      <c r="D60" s="350"/>
      <c r="E60" s="32"/>
      <c r="F60" s="91">
        <v>633</v>
      </c>
      <c r="G60" s="91">
        <v>1656</v>
      </c>
      <c r="H60" s="91">
        <v>784</v>
      </c>
      <c r="I60" s="98">
        <v>872</v>
      </c>
      <c r="J60" s="123">
        <v>217</v>
      </c>
      <c r="K60" s="94">
        <v>1046</v>
      </c>
      <c r="L60" s="132">
        <v>384</v>
      </c>
      <c r="M60" s="351">
        <v>1456</v>
      </c>
      <c r="N60" s="96">
        <v>777</v>
      </c>
      <c r="O60" s="277">
        <v>0</v>
      </c>
      <c r="P60" s="97">
        <v>88.4</v>
      </c>
    </row>
    <row r="61" spans="2:16" s="219" customFormat="1" ht="15.75" customHeight="1">
      <c r="B61" s="348"/>
      <c r="C61" s="349" t="s">
        <v>28</v>
      </c>
      <c r="D61" s="350"/>
      <c r="E61" s="32"/>
      <c r="F61" s="91">
        <v>250</v>
      </c>
      <c r="G61" s="91">
        <v>673</v>
      </c>
      <c r="H61" s="91">
        <v>309</v>
      </c>
      <c r="I61" s="98">
        <v>364</v>
      </c>
      <c r="J61" s="123">
        <v>66</v>
      </c>
      <c r="K61" s="94">
        <v>354</v>
      </c>
      <c r="L61" s="132">
        <v>235</v>
      </c>
      <c r="M61" s="351">
        <v>1337</v>
      </c>
      <c r="N61" s="96">
        <v>1004</v>
      </c>
      <c r="O61" s="277">
        <v>0</v>
      </c>
      <c r="P61" s="97">
        <v>204.1</v>
      </c>
    </row>
    <row r="62" spans="2:16" s="219" customFormat="1" ht="15.75" customHeight="1">
      <c r="B62" s="348" t="s">
        <v>536</v>
      </c>
      <c r="C62" s="349" t="s">
        <v>26</v>
      </c>
      <c r="D62" s="350"/>
      <c r="E62" s="32"/>
      <c r="F62" s="91">
        <v>421</v>
      </c>
      <c r="G62" s="91">
        <v>986</v>
      </c>
      <c r="H62" s="91">
        <v>480</v>
      </c>
      <c r="I62" s="98">
        <v>506</v>
      </c>
      <c r="J62" s="123">
        <v>118</v>
      </c>
      <c r="K62" s="94">
        <v>673</v>
      </c>
      <c r="L62" s="132">
        <v>177</v>
      </c>
      <c r="M62" s="351">
        <v>890</v>
      </c>
      <c r="N62" s="96">
        <v>510</v>
      </c>
      <c r="O62" s="277">
        <v>0</v>
      </c>
      <c r="P62" s="97">
        <v>91.9</v>
      </c>
    </row>
    <row r="63" spans="2:16" s="219" customFormat="1" ht="15.75" customHeight="1">
      <c r="B63" s="348"/>
      <c r="C63" s="349" t="s">
        <v>27</v>
      </c>
      <c r="D63" s="350"/>
      <c r="E63" s="32"/>
      <c r="F63" s="91">
        <v>638</v>
      </c>
      <c r="G63" s="91">
        <v>1440</v>
      </c>
      <c r="H63" s="91">
        <v>686</v>
      </c>
      <c r="I63" s="98">
        <v>754</v>
      </c>
      <c r="J63" s="123">
        <v>145</v>
      </c>
      <c r="K63" s="94">
        <v>999</v>
      </c>
      <c r="L63" s="132">
        <v>296</v>
      </c>
      <c r="M63" s="351">
        <v>1908</v>
      </c>
      <c r="N63" s="96">
        <v>1319</v>
      </c>
      <c r="O63" s="277">
        <v>0</v>
      </c>
      <c r="P63" s="97">
        <v>132.5</v>
      </c>
    </row>
    <row r="64" spans="2:16" s="219" customFormat="1" ht="15.75" customHeight="1">
      <c r="B64" s="348" t="s">
        <v>537</v>
      </c>
      <c r="C64" s="349" t="s">
        <v>26</v>
      </c>
      <c r="D64" s="350"/>
      <c r="E64" s="32"/>
      <c r="F64" s="91">
        <v>1037</v>
      </c>
      <c r="G64" s="91">
        <v>1745</v>
      </c>
      <c r="H64" s="91">
        <v>861</v>
      </c>
      <c r="I64" s="98">
        <v>884</v>
      </c>
      <c r="J64" s="123">
        <v>114</v>
      </c>
      <c r="K64" s="94">
        <v>1132</v>
      </c>
      <c r="L64" s="132">
        <v>396</v>
      </c>
      <c r="M64" s="351">
        <v>2148</v>
      </c>
      <c r="N64" s="96">
        <v>1309</v>
      </c>
      <c r="O64" s="277">
        <v>0</v>
      </c>
      <c r="P64" s="97">
        <v>130.80000000000001</v>
      </c>
    </row>
    <row r="65" spans="2:16" s="219" customFormat="1" ht="15.75" customHeight="1">
      <c r="B65" s="348"/>
      <c r="C65" s="349" t="s">
        <v>27</v>
      </c>
      <c r="D65" s="350"/>
      <c r="E65" s="32"/>
      <c r="F65" s="91">
        <v>770</v>
      </c>
      <c r="G65" s="91">
        <v>1202</v>
      </c>
      <c r="H65" s="91">
        <v>599</v>
      </c>
      <c r="I65" s="98">
        <v>603</v>
      </c>
      <c r="J65" s="123">
        <v>69</v>
      </c>
      <c r="K65" s="94">
        <v>819</v>
      </c>
      <c r="L65" s="132">
        <v>276</v>
      </c>
      <c r="M65" s="351">
        <v>1125</v>
      </c>
      <c r="N65" s="96">
        <v>640</v>
      </c>
      <c r="O65" s="277">
        <v>0</v>
      </c>
      <c r="P65" s="97">
        <v>96.6</v>
      </c>
    </row>
    <row r="66" spans="2:16" s="219" customFormat="1" ht="15.75" customHeight="1">
      <c r="B66" s="348"/>
      <c r="C66" s="349" t="s">
        <v>28</v>
      </c>
      <c r="D66" s="350"/>
      <c r="E66" s="32"/>
      <c r="F66" s="91">
        <v>1975</v>
      </c>
      <c r="G66" s="91">
        <v>2801</v>
      </c>
      <c r="H66" s="91">
        <v>1490</v>
      </c>
      <c r="I66" s="98">
        <v>1311</v>
      </c>
      <c r="J66" s="123">
        <v>146</v>
      </c>
      <c r="K66" s="94">
        <v>1986</v>
      </c>
      <c r="L66" s="132">
        <v>518</v>
      </c>
      <c r="M66" s="351">
        <v>2316</v>
      </c>
      <c r="N66" s="96">
        <v>898</v>
      </c>
      <c r="O66" s="277">
        <v>0</v>
      </c>
      <c r="P66" s="97">
        <v>87.4</v>
      </c>
    </row>
    <row r="67" spans="2:16" s="219" customFormat="1" ht="15.75" customHeight="1">
      <c r="B67" s="348"/>
      <c r="C67" s="349" t="s">
        <v>29</v>
      </c>
      <c r="D67" s="350"/>
      <c r="E67" s="32"/>
      <c r="F67" s="91">
        <v>1022</v>
      </c>
      <c r="G67" s="91">
        <v>1672</v>
      </c>
      <c r="H67" s="91">
        <v>779</v>
      </c>
      <c r="I67" s="98">
        <v>893</v>
      </c>
      <c r="J67" s="123">
        <v>76</v>
      </c>
      <c r="K67" s="94">
        <v>1183</v>
      </c>
      <c r="L67" s="132">
        <v>373</v>
      </c>
      <c r="M67" s="351">
        <v>1827</v>
      </c>
      <c r="N67" s="96">
        <v>969</v>
      </c>
      <c r="O67" s="277">
        <v>0</v>
      </c>
      <c r="P67" s="97">
        <v>111.9</v>
      </c>
    </row>
    <row r="68" spans="2:16" s="219" customFormat="1" ht="15.75" customHeight="1">
      <c r="B68" s="348"/>
      <c r="C68" s="349" t="s">
        <v>30</v>
      </c>
      <c r="D68" s="350"/>
      <c r="E68" s="32"/>
      <c r="F68" s="91">
        <v>979</v>
      </c>
      <c r="G68" s="91">
        <v>1514</v>
      </c>
      <c r="H68" s="91">
        <v>831</v>
      </c>
      <c r="I68" s="98">
        <v>683</v>
      </c>
      <c r="J68" s="123">
        <v>114</v>
      </c>
      <c r="K68" s="94">
        <v>1098</v>
      </c>
      <c r="L68" s="132">
        <v>271</v>
      </c>
      <c r="M68" s="351">
        <v>969</v>
      </c>
      <c r="N68" s="96">
        <v>168</v>
      </c>
      <c r="O68" s="277">
        <v>0</v>
      </c>
      <c r="P68" s="97">
        <v>65.3</v>
      </c>
    </row>
    <row r="69" spans="2:16" s="219" customFormat="1" ht="15.75" customHeight="1">
      <c r="B69" s="348"/>
      <c r="C69" s="349" t="s">
        <v>31</v>
      </c>
      <c r="D69" s="350"/>
      <c r="E69" s="32"/>
      <c r="F69" s="91">
        <v>611</v>
      </c>
      <c r="G69" s="91">
        <v>1183</v>
      </c>
      <c r="H69" s="91">
        <v>566</v>
      </c>
      <c r="I69" s="98">
        <v>617</v>
      </c>
      <c r="J69" s="123">
        <v>125</v>
      </c>
      <c r="K69" s="94">
        <v>793</v>
      </c>
      <c r="L69" s="132">
        <v>245</v>
      </c>
      <c r="M69" s="351">
        <v>1017</v>
      </c>
      <c r="N69" s="96">
        <v>520</v>
      </c>
      <c r="O69" s="277">
        <v>0</v>
      </c>
      <c r="P69" s="97">
        <v>87.4</v>
      </c>
    </row>
    <row r="70" spans="2:16" s="219" customFormat="1" ht="15.75" customHeight="1">
      <c r="B70" s="348"/>
      <c r="C70" s="349" t="s">
        <v>32</v>
      </c>
      <c r="D70" s="350"/>
      <c r="E70" s="32"/>
      <c r="F70" s="91">
        <v>585</v>
      </c>
      <c r="G70" s="91">
        <v>1294</v>
      </c>
      <c r="H70" s="91">
        <v>643</v>
      </c>
      <c r="I70" s="98">
        <v>651</v>
      </c>
      <c r="J70" s="123">
        <v>112</v>
      </c>
      <c r="K70" s="94">
        <v>806</v>
      </c>
      <c r="L70" s="132">
        <v>372</v>
      </c>
      <c r="M70" s="351">
        <v>1510</v>
      </c>
      <c r="N70" s="96">
        <v>118</v>
      </c>
      <c r="O70" s="96">
        <v>761</v>
      </c>
      <c r="P70" s="97">
        <v>117.1</v>
      </c>
    </row>
    <row r="71" spans="2:16" s="219" customFormat="1" ht="15.75" customHeight="1">
      <c r="B71" s="348" t="s">
        <v>538</v>
      </c>
      <c r="C71" s="349" t="s">
        <v>26</v>
      </c>
      <c r="D71" s="350"/>
      <c r="E71" s="32"/>
      <c r="F71" s="91">
        <v>855</v>
      </c>
      <c r="G71" s="91">
        <v>1956</v>
      </c>
      <c r="H71" s="91">
        <v>937</v>
      </c>
      <c r="I71" s="98">
        <v>1019</v>
      </c>
      <c r="J71" s="123">
        <v>218</v>
      </c>
      <c r="K71" s="94">
        <v>1226</v>
      </c>
      <c r="L71" s="132">
        <v>512</v>
      </c>
      <c r="M71" s="351">
        <v>1176</v>
      </c>
      <c r="N71" s="96">
        <v>341</v>
      </c>
      <c r="O71" s="277">
        <v>0</v>
      </c>
      <c r="P71" s="97">
        <v>60.1</v>
      </c>
    </row>
    <row r="72" spans="2:16" s="219" customFormat="1" ht="15.75" customHeight="1">
      <c r="B72" s="348"/>
      <c r="C72" s="349" t="s">
        <v>27</v>
      </c>
      <c r="D72" s="350"/>
      <c r="E72" s="32"/>
      <c r="F72" s="91">
        <v>1025</v>
      </c>
      <c r="G72" s="91">
        <v>2209</v>
      </c>
      <c r="H72" s="91">
        <v>1069</v>
      </c>
      <c r="I72" s="98">
        <v>1140</v>
      </c>
      <c r="J72" s="123">
        <v>200</v>
      </c>
      <c r="K72" s="94">
        <v>1334</v>
      </c>
      <c r="L72" s="132">
        <v>626</v>
      </c>
      <c r="M72" s="351">
        <v>2070</v>
      </c>
      <c r="N72" s="96">
        <v>799</v>
      </c>
      <c r="O72" s="96">
        <v>278</v>
      </c>
      <c r="P72" s="97">
        <v>95.8</v>
      </c>
    </row>
    <row r="73" spans="2:16" s="219" customFormat="1" ht="15.75" customHeight="1">
      <c r="B73" s="348"/>
      <c r="C73" s="349" t="s">
        <v>28</v>
      </c>
      <c r="D73" s="350"/>
      <c r="E73" s="32"/>
      <c r="F73" s="91">
        <v>581</v>
      </c>
      <c r="G73" s="91">
        <v>1455</v>
      </c>
      <c r="H73" s="91">
        <v>687</v>
      </c>
      <c r="I73" s="98">
        <v>768</v>
      </c>
      <c r="J73" s="123">
        <v>152</v>
      </c>
      <c r="K73" s="94">
        <v>948</v>
      </c>
      <c r="L73" s="132">
        <v>315</v>
      </c>
      <c r="M73" s="351">
        <v>1106</v>
      </c>
      <c r="N73" s="96">
        <v>475</v>
      </c>
      <c r="O73" s="277">
        <v>0</v>
      </c>
      <c r="P73" s="97">
        <v>78.2</v>
      </c>
    </row>
    <row r="74" spans="2:16" s="219" customFormat="1" ht="15.75" customHeight="1">
      <c r="B74" s="348" t="s">
        <v>539</v>
      </c>
      <c r="C74" s="349" t="s">
        <v>26</v>
      </c>
      <c r="D74" s="350"/>
      <c r="E74" s="32"/>
      <c r="F74" s="91">
        <v>948</v>
      </c>
      <c r="G74" s="91">
        <v>1994</v>
      </c>
      <c r="H74" s="91">
        <v>937</v>
      </c>
      <c r="I74" s="98">
        <v>1057</v>
      </c>
      <c r="J74" s="123">
        <v>216</v>
      </c>
      <c r="K74" s="94">
        <v>1163</v>
      </c>
      <c r="L74" s="132">
        <v>567</v>
      </c>
      <c r="M74" s="351">
        <v>1608</v>
      </c>
      <c r="N74" s="96">
        <v>752</v>
      </c>
      <c r="O74" s="277">
        <v>0</v>
      </c>
      <c r="P74" s="97">
        <v>82.6</v>
      </c>
    </row>
    <row r="75" spans="2:16" s="219" customFormat="1" ht="15.75" customHeight="1">
      <c r="B75" s="348"/>
      <c r="C75" s="349" t="s">
        <v>27</v>
      </c>
      <c r="D75" s="350"/>
      <c r="E75" s="32"/>
      <c r="F75" s="91">
        <v>949</v>
      </c>
      <c r="G75" s="91">
        <v>2056</v>
      </c>
      <c r="H75" s="91">
        <v>958</v>
      </c>
      <c r="I75" s="98">
        <v>1098</v>
      </c>
      <c r="J75" s="123">
        <v>240</v>
      </c>
      <c r="K75" s="94">
        <v>1274</v>
      </c>
      <c r="L75" s="132">
        <v>483</v>
      </c>
      <c r="M75" s="351">
        <v>1635</v>
      </c>
      <c r="N75" s="96">
        <v>740</v>
      </c>
      <c r="O75" s="277">
        <v>0</v>
      </c>
      <c r="P75" s="97">
        <v>81.900000000000006</v>
      </c>
    </row>
    <row r="76" spans="2:16" s="219" customFormat="1" ht="15.75" customHeight="1">
      <c r="B76" s="348"/>
      <c r="C76" s="349" t="s">
        <v>28</v>
      </c>
      <c r="D76" s="350"/>
      <c r="E76" s="32"/>
      <c r="F76" s="91">
        <v>658</v>
      </c>
      <c r="G76" s="91">
        <v>1517</v>
      </c>
      <c r="H76" s="91">
        <v>721</v>
      </c>
      <c r="I76" s="98">
        <v>796</v>
      </c>
      <c r="J76" s="123">
        <v>193</v>
      </c>
      <c r="K76" s="94">
        <v>901</v>
      </c>
      <c r="L76" s="132">
        <v>382</v>
      </c>
      <c r="M76" s="351">
        <v>1344</v>
      </c>
      <c r="N76" s="96">
        <v>428</v>
      </c>
      <c r="O76" s="96">
        <v>291</v>
      </c>
      <c r="P76" s="97">
        <v>91.1</v>
      </c>
    </row>
    <row r="77" spans="2:16" s="219" customFormat="1" ht="15.75" customHeight="1">
      <c r="B77" s="348"/>
      <c r="C77" s="349" t="s">
        <v>29</v>
      </c>
      <c r="D77" s="350"/>
      <c r="E77" s="32"/>
      <c r="F77" s="91">
        <v>616</v>
      </c>
      <c r="G77" s="91">
        <v>1423</v>
      </c>
      <c r="H77" s="91">
        <v>709</v>
      </c>
      <c r="I77" s="98">
        <v>714</v>
      </c>
      <c r="J77" s="123">
        <v>183</v>
      </c>
      <c r="K77" s="94">
        <v>907</v>
      </c>
      <c r="L77" s="132">
        <v>275</v>
      </c>
      <c r="M77" s="351">
        <v>2113</v>
      </c>
      <c r="N77" s="96">
        <v>500</v>
      </c>
      <c r="O77" s="96">
        <v>1064</v>
      </c>
      <c r="P77" s="97">
        <v>154.80000000000001</v>
      </c>
    </row>
    <row r="78" spans="2:16" s="219" customFormat="1" ht="15.75" customHeight="1">
      <c r="B78" s="348"/>
      <c r="C78" s="349" t="s">
        <v>30</v>
      </c>
      <c r="D78" s="350"/>
      <c r="E78" s="32"/>
      <c r="F78" s="91">
        <v>595</v>
      </c>
      <c r="G78" s="91">
        <v>1272</v>
      </c>
      <c r="H78" s="91">
        <v>599</v>
      </c>
      <c r="I78" s="98">
        <v>673</v>
      </c>
      <c r="J78" s="123">
        <v>105</v>
      </c>
      <c r="K78" s="94">
        <v>712</v>
      </c>
      <c r="L78" s="132">
        <v>413</v>
      </c>
      <c r="M78" s="351">
        <v>1156</v>
      </c>
      <c r="N78" s="96">
        <v>623</v>
      </c>
      <c r="O78" s="277">
        <v>0</v>
      </c>
      <c r="P78" s="97">
        <v>94</v>
      </c>
    </row>
    <row r="79" spans="2:16" s="219" customFormat="1" ht="15.75" customHeight="1">
      <c r="B79" s="348"/>
      <c r="C79" s="349" t="s">
        <v>31</v>
      </c>
      <c r="D79" s="350"/>
      <c r="E79" s="32"/>
      <c r="F79" s="91">
        <v>558</v>
      </c>
      <c r="G79" s="91">
        <v>1119</v>
      </c>
      <c r="H79" s="91">
        <v>541</v>
      </c>
      <c r="I79" s="98">
        <v>578</v>
      </c>
      <c r="J79" s="123">
        <v>118</v>
      </c>
      <c r="K79" s="94">
        <v>712</v>
      </c>
      <c r="L79" s="132">
        <v>253</v>
      </c>
      <c r="M79" s="351">
        <v>815</v>
      </c>
      <c r="N79" s="96">
        <v>410</v>
      </c>
      <c r="O79" s="277">
        <v>0</v>
      </c>
      <c r="P79" s="97">
        <v>75.3</v>
      </c>
    </row>
    <row r="80" spans="2:16" s="219" customFormat="1" ht="15.75" customHeight="1">
      <c r="B80" s="348" t="s">
        <v>540</v>
      </c>
      <c r="C80" s="349" t="s">
        <v>26</v>
      </c>
      <c r="D80" s="350"/>
      <c r="E80" s="32"/>
      <c r="F80" s="91">
        <v>1196</v>
      </c>
      <c r="G80" s="91">
        <v>2430</v>
      </c>
      <c r="H80" s="91">
        <v>1164</v>
      </c>
      <c r="I80" s="98">
        <v>1266</v>
      </c>
      <c r="J80" s="123">
        <v>266</v>
      </c>
      <c r="K80" s="94">
        <v>1512</v>
      </c>
      <c r="L80" s="132">
        <v>607</v>
      </c>
      <c r="M80" s="351">
        <v>2434</v>
      </c>
      <c r="N80" s="96">
        <v>1164</v>
      </c>
      <c r="O80" s="277">
        <v>0</v>
      </c>
      <c r="P80" s="97">
        <v>102.1</v>
      </c>
    </row>
    <row r="81" spans="2:16" s="219" customFormat="1" ht="15.75" customHeight="1">
      <c r="B81" s="348"/>
      <c r="C81" s="349" t="s">
        <v>27</v>
      </c>
      <c r="D81" s="350"/>
      <c r="E81" s="32"/>
      <c r="F81" s="91">
        <v>1106</v>
      </c>
      <c r="G81" s="91">
        <v>2613</v>
      </c>
      <c r="H81" s="91">
        <v>1267</v>
      </c>
      <c r="I81" s="98">
        <v>1346</v>
      </c>
      <c r="J81" s="123">
        <v>446</v>
      </c>
      <c r="K81" s="94">
        <v>1603</v>
      </c>
      <c r="L81" s="132">
        <v>427</v>
      </c>
      <c r="M81" s="351">
        <v>1512</v>
      </c>
      <c r="N81" s="96">
        <v>416</v>
      </c>
      <c r="O81" s="277">
        <v>0</v>
      </c>
      <c r="P81" s="97">
        <v>61.1</v>
      </c>
    </row>
    <row r="82" spans="2:16" s="219" customFormat="1" ht="15.75" customHeight="1">
      <c r="B82" s="348"/>
      <c r="C82" s="349" t="s">
        <v>28</v>
      </c>
      <c r="D82" s="350"/>
      <c r="E82" s="32"/>
      <c r="F82" s="91">
        <v>744</v>
      </c>
      <c r="G82" s="91">
        <v>1960</v>
      </c>
      <c r="H82" s="91">
        <v>925</v>
      </c>
      <c r="I82" s="98">
        <v>1035</v>
      </c>
      <c r="J82" s="123">
        <v>274</v>
      </c>
      <c r="K82" s="94">
        <v>1183</v>
      </c>
      <c r="L82" s="132">
        <v>455</v>
      </c>
      <c r="M82" s="351">
        <v>1862</v>
      </c>
      <c r="N82" s="96">
        <v>320</v>
      </c>
      <c r="O82" s="96">
        <v>757</v>
      </c>
      <c r="P82" s="97">
        <v>97.4</v>
      </c>
    </row>
    <row r="83" spans="2:16" s="219" customFormat="1" ht="15.75" customHeight="1">
      <c r="B83" s="348"/>
      <c r="C83" s="349" t="s">
        <v>29</v>
      </c>
      <c r="D83" s="350"/>
      <c r="E83" s="32"/>
      <c r="F83" s="91">
        <v>675</v>
      </c>
      <c r="G83" s="91">
        <v>1708</v>
      </c>
      <c r="H83" s="91">
        <v>823</v>
      </c>
      <c r="I83" s="98">
        <v>885</v>
      </c>
      <c r="J83" s="123">
        <v>232</v>
      </c>
      <c r="K83" s="94">
        <v>1053</v>
      </c>
      <c r="L83" s="132">
        <v>365</v>
      </c>
      <c r="M83" s="351">
        <v>970</v>
      </c>
      <c r="N83" s="96">
        <v>257</v>
      </c>
      <c r="O83" s="277">
        <v>0</v>
      </c>
      <c r="P83" s="97">
        <v>58.8</v>
      </c>
    </row>
    <row r="84" spans="2:16" s="219" customFormat="1" ht="15.75" customHeight="1">
      <c r="B84" s="348" t="s">
        <v>541</v>
      </c>
      <c r="C84" s="349" t="s">
        <v>26</v>
      </c>
      <c r="D84" s="350"/>
      <c r="E84" s="32"/>
      <c r="F84" s="91">
        <v>410</v>
      </c>
      <c r="G84" s="91">
        <v>1102</v>
      </c>
      <c r="H84" s="91">
        <v>524</v>
      </c>
      <c r="I84" s="98">
        <v>578</v>
      </c>
      <c r="J84" s="123">
        <v>126</v>
      </c>
      <c r="K84" s="94">
        <v>832</v>
      </c>
      <c r="L84" s="132">
        <v>144</v>
      </c>
      <c r="M84" s="351">
        <v>1123</v>
      </c>
      <c r="N84" s="96">
        <v>759</v>
      </c>
      <c r="O84" s="277">
        <v>0</v>
      </c>
      <c r="P84" s="97">
        <v>101.9</v>
      </c>
    </row>
    <row r="85" spans="2:16" s="219" customFormat="1" ht="15.75" customHeight="1">
      <c r="B85" s="348" t="s">
        <v>123</v>
      </c>
      <c r="C85" s="349" t="s">
        <v>27</v>
      </c>
      <c r="D85" s="350"/>
      <c r="E85" s="32"/>
      <c r="F85" s="91">
        <v>440</v>
      </c>
      <c r="G85" s="91">
        <v>1023</v>
      </c>
      <c r="H85" s="91">
        <v>513</v>
      </c>
      <c r="I85" s="98">
        <v>510</v>
      </c>
      <c r="J85" s="123">
        <v>153</v>
      </c>
      <c r="K85" s="94">
        <v>571</v>
      </c>
      <c r="L85" s="132">
        <v>241</v>
      </c>
      <c r="M85" s="351">
        <v>882</v>
      </c>
      <c r="N85" s="96">
        <v>387</v>
      </c>
      <c r="O85" s="277">
        <v>0</v>
      </c>
      <c r="P85" s="97">
        <v>91.4</v>
      </c>
    </row>
    <row r="86" spans="2:16" s="219" customFormat="1" ht="15.75" customHeight="1">
      <c r="B86" s="348"/>
      <c r="C86" s="349" t="s">
        <v>28</v>
      </c>
      <c r="D86" s="350"/>
      <c r="E86" s="32"/>
      <c r="F86" s="91">
        <v>589</v>
      </c>
      <c r="G86" s="91">
        <v>1384</v>
      </c>
      <c r="H86" s="91">
        <v>676</v>
      </c>
      <c r="I86" s="98">
        <v>708</v>
      </c>
      <c r="J86" s="123">
        <v>189</v>
      </c>
      <c r="K86" s="94">
        <v>889</v>
      </c>
      <c r="L86" s="132">
        <v>183</v>
      </c>
      <c r="M86" s="351">
        <v>1355</v>
      </c>
      <c r="N86" s="96">
        <v>270</v>
      </c>
      <c r="O86" s="96">
        <v>574</v>
      </c>
      <c r="P86" s="97">
        <v>107.5</v>
      </c>
    </row>
    <row r="87" spans="2:16" s="219" customFormat="1" ht="15.75" customHeight="1">
      <c r="B87" s="348"/>
      <c r="C87" s="349" t="s">
        <v>29</v>
      </c>
      <c r="D87" s="350"/>
      <c r="E87" s="32"/>
      <c r="F87" s="91">
        <v>577</v>
      </c>
      <c r="G87" s="91">
        <v>1400</v>
      </c>
      <c r="H87" s="91">
        <v>669</v>
      </c>
      <c r="I87" s="98">
        <v>731</v>
      </c>
      <c r="J87" s="123">
        <v>208</v>
      </c>
      <c r="K87" s="94">
        <v>927</v>
      </c>
      <c r="L87" s="132">
        <v>234</v>
      </c>
      <c r="M87" s="351">
        <v>992</v>
      </c>
      <c r="N87" s="96">
        <v>458</v>
      </c>
      <c r="O87" s="277">
        <v>0</v>
      </c>
      <c r="P87" s="97">
        <v>72.5</v>
      </c>
    </row>
    <row r="88" spans="2:16" s="219" customFormat="1" ht="15.75" customHeight="1">
      <c r="B88" s="348" t="s">
        <v>542</v>
      </c>
      <c r="C88" s="349" t="s">
        <v>26</v>
      </c>
      <c r="D88" s="350"/>
      <c r="E88" s="32"/>
      <c r="F88" s="91">
        <v>529</v>
      </c>
      <c r="G88" s="91">
        <v>1246</v>
      </c>
      <c r="H88" s="91">
        <v>579</v>
      </c>
      <c r="I88" s="98">
        <v>667</v>
      </c>
      <c r="J88" s="123">
        <v>174</v>
      </c>
      <c r="K88" s="94">
        <v>779</v>
      </c>
      <c r="L88" s="132">
        <v>293</v>
      </c>
      <c r="M88" s="351">
        <v>1363</v>
      </c>
      <c r="N88" s="96">
        <v>842</v>
      </c>
      <c r="O88" s="277">
        <v>0</v>
      </c>
      <c r="P88" s="97">
        <v>109.4</v>
      </c>
    </row>
    <row r="89" spans="2:16" s="219" customFormat="1" ht="15.75" customHeight="1">
      <c r="B89" s="348"/>
      <c r="C89" s="349" t="s">
        <v>27</v>
      </c>
      <c r="D89" s="350"/>
      <c r="E89" s="32"/>
      <c r="F89" s="91">
        <v>1068</v>
      </c>
      <c r="G89" s="91">
        <v>2727</v>
      </c>
      <c r="H89" s="91">
        <v>1290</v>
      </c>
      <c r="I89" s="98">
        <v>1437</v>
      </c>
      <c r="J89" s="123">
        <v>445</v>
      </c>
      <c r="K89" s="94">
        <v>1769</v>
      </c>
      <c r="L89" s="132">
        <v>513</v>
      </c>
      <c r="M89" s="351">
        <v>1821</v>
      </c>
      <c r="N89" s="96">
        <v>765</v>
      </c>
      <c r="O89" s="277">
        <v>0</v>
      </c>
      <c r="P89" s="97">
        <v>66.8</v>
      </c>
    </row>
    <row r="90" spans="2:16" s="219" customFormat="1" ht="15.75" customHeight="1">
      <c r="B90" s="348"/>
      <c r="C90" s="349" t="s">
        <v>28</v>
      </c>
      <c r="D90" s="350"/>
      <c r="E90" s="32"/>
      <c r="F90" s="91">
        <v>370</v>
      </c>
      <c r="G90" s="91">
        <v>915</v>
      </c>
      <c r="H90" s="91">
        <v>481</v>
      </c>
      <c r="I90" s="98">
        <v>434</v>
      </c>
      <c r="J90" s="123">
        <v>210</v>
      </c>
      <c r="K90" s="94">
        <v>646</v>
      </c>
      <c r="L90" s="132">
        <v>59</v>
      </c>
      <c r="M90" s="351">
        <v>2630</v>
      </c>
      <c r="N90" s="96">
        <v>918</v>
      </c>
      <c r="O90" s="96">
        <v>1304</v>
      </c>
      <c r="P90" s="97">
        <v>287.39999999999998</v>
      </c>
    </row>
    <row r="91" spans="2:16" s="219" customFormat="1" ht="15.75" customHeight="1">
      <c r="B91" s="348"/>
      <c r="C91" s="349" t="s">
        <v>29</v>
      </c>
      <c r="D91" s="350"/>
      <c r="E91" s="32"/>
      <c r="F91" s="91">
        <v>380</v>
      </c>
      <c r="G91" s="91">
        <v>1220</v>
      </c>
      <c r="H91" s="91">
        <v>563</v>
      </c>
      <c r="I91" s="98">
        <v>657</v>
      </c>
      <c r="J91" s="123">
        <v>226</v>
      </c>
      <c r="K91" s="94">
        <v>717</v>
      </c>
      <c r="L91" s="132">
        <v>269</v>
      </c>
      <c r="M91" s="351">
        <v>1583</v>
      </c>
      <c r="N91" s="96">
        <v>787</v>
      </c>
      <c r="O91" s="96">
        <v>307</v>
      </c>
      <c r="P91" s="97">
        <v>130.6</v>
      </c>
    </row>
    <row r="92" spans="2:16" s="219" customFormat="1" ht="15.75" customHeight="1">
      <c r="B92" s="348" t="s">
        <v>543</v>
      </c>
      <c r="C92" s="349" t="s">
        <v>26</v>
      </c>
      <c r="D92" s="350"/>
      <c r="E92" s="32"/>
      <c r="F92" s="91">
        <v>656</v>
      </c>
      <c r="G92" s="91">
        <v>1724</v>
      </c>
      <c r="H92" s="91">
        <v>859</v>
      </c>
      <c r="I92" s="98">
        <v>865</v>
      </c>
      <c r="J92" s="123">
        <v>305</v>
      </c>
      <c r="K92" s="94">
        <v>1100</v>
      </c>
      <c r="L92" s="132">
        <v>286</v>
      </c>
      <c r="M92" s="351">
        <v>1303</v>
      </c>
      <c r="N92" s="96">
        <v>713</v>
      </c>
      <c r="O92" s="277">
        <v>0</v>
      </c>
      <c r="P92" s="97">
        <v>77.099999999999994</v>
      </c>
    </row>
    <row r="93" spans="2:16" s="219" customFormat="1" ht="15.75" customHeight="1">
      <c r="B93" s="348"/>
      <c r="C93" s="349" t="s">
        <v>27</v>
      </c>
      <c r="D93" s="350"/>
      <c r="E93" s="32"/>
      <c r="F93" s="91">
        <v>400</v>
      </c>
      <c r="G93" s="91">
        <v>901</v>
      </c>
      <c r="H93" s="91">
        <v>437</v>
      </c>
      <c r="I93" s="98">
        <v>464</v>
      </c>
      <c r="J93" s="123">
        <v>128</v>
      </c>
      <c r="K93" s="94">
        <v>587</v>
      </c>
      <c r="L93" s="132">
        <v>180</v>
      </c>
      <c r="M93" s="351">
        <v>1200</v>
      </c>
      <c r="N93" s="96">
        <v>434</v>
      </c>
      <c r="O93" s="96">
        <v>393</v>
      </c>
      <c r="P93" s="97">
        <v>134.1</v>
      </c>
    </row>
    <row r="94" spans="2:16" s="219" customFormat="1" ht="15.75" customHeight="1">
      <c r="B94" s="348"/>
      <c r="C94" s="349" t="s">
        <v>28</v>
      </c>
      <c r="D94" s="350"/>
      <c r="E94" s="32"/>
      <c r="F94" s="91">
        <v>1015</v>
      </c>
      <c r="G94" s="91">
        <v>2656</v>
      </c>
      <c r="H94" s="91">
        <v>1262</v>
      </c>
      <c r="I94" s="98">
        <v>1394</v>
      </c>
      <c r="J94" s="123">
        <v>435</v>
      </c>
      <c r="K94" s="94">
        <v>1703</v>
      </c>
      <c r="L94" s="132">
        <v>512</v>
      </c>
      <c r="M94" s="351">
        <v>1713</v>
      </c>
      <c r="N94" s="96">
        <v>581</v>
      </c>
      <c r="O94" s="277">
        <v>0</v>
      </c>
      <c r="P94" s="97">
        <v>64.599999999999994</v>
      </c>
    </row>
    <row r="95" spans="2:16" s="219" customFormat="1" ht="15.75" customHeight="1">
      <c r="B95" s="348" t="s">
        <v>123</v>
      </c>
      <c r="C95" s="349" t="s">
        <v>29</v>
      </c>
      <c r="D95" s="350"/>
      <c r="E95" s="32"/>
      <c r="F95" s="91">
        <v>182</v>
      </c>
      <c r="G95" s="91">
        <v>499</v>
      </c>
      <c r="H95" s="91">
        <v>221</v>
      </c>
      <c r="I95" s="98">
        <v>278</v>
      </c>
      <c r="J95" s="123">
        <v>91</v>
      </c>
      <c r="K95" s="94">
        <v>335</v>
      </c>
      <c r="L95" s="132">
        <v>68</v>
      </c>
      <c r="M95" s="351">
        <v>807</v>
      </c>
      <c r="N95" s="96">
        <v>388</v>
      </c>
      <c r="O95" s="96">
        <v>222</v>
      </c>
      <c r="P95" s="97">
        <v>163.4</v>
      </c>
    </row>
    <row r="96" spans="2:16" s="219" customFormat="1" ht="15.75" customHeight="1">
      <c r="B96" s="348"/>
      <c r="C96" s="349" t="s">
        <v>30</v>
      </c>
      <c r="D96" s="350"/>
      <c r="E96" s="32"/>
      <c r="F96" s="91">
        <v>962</v>
      </c>
      <c r="G96" s="91">
        <v>2215</v>
      </c>
      <c r="H96" s="91">
        <v>1128</v>
      </c>
      <c r="I96" s="98">
        <v>1087</v>
      </c>
      <c r="J96" s="123">
        <v>341</v>
      </c>
      <c r="K96" s="94">
        <v>1608</v>
      </c>
      <c r="L96" s="132">
        <v>235</v>
      </c>
      <c r="M96" s="351">
        <v>1483</v>
      </c>
      <c r="N96" s="96">
        <v>661</v>
      </c>
      <c r="O96" s="277">
        <v>0</v>
      </c>
      <c r="P96" s="97">
        <v>67.900000000000006</v>
      </c>
    </row>
    <row r="97" spans="1:22" s="219" customFormat="1" ht="15" customHeight="1">
      <c r="B97" s="348" t="s">
        <v>544</v>
      </c>
      <c r="C97" s="349" t="s">
        <v>26</v>
      </c>
      <c r="D97" s="350"/>
      <c r="E97" s="32"/>
      <c r="F97" s="91">
        <v>905</v>
      </c>
      <c r="G97" s="91">
        <v>2242</v>
      </c>
      <c r="H97" s="91">
        <v>1069</v>
      </c>
      <c r="I97" s="98">
        <v>1173</v>
      </c>
      <c r="J97" s="123">
        <v>320</v>
      </c>
      <c r="K97" s="94">
        <v>1505</v>
      </c>
      <c r="L97" s="132">
        <v>400</v>
      </c>
      <c r="M97" s="351">
        <v>1814</v>
      </c>
      <c r="N97" s="96">
        <v>467</v>
      </c>
      <c r="O97" s="96">
        <v>437</v>
      </c>
      <c r="P97" s="97">
        <v>81.5</v>
      </c>
    </row>
    <row r="98" spans="1:22" s="219" customFormat="1" ht="15" customHeight="1">
      <c r="A98" s="227"/>
      <c r="B98" s="357"/>
      <c r="C98" s="349" t="s">
        <v>27</v>
      </c>
      <c r="D98" s="358"/>
      <c r="E98" s="32"/>
      <c r="F98" s="91">
        <v>757</v>
      </c>
      <c r="G98" s="91">
        <v>1939</v>
      </c>
      <c r="H98" s="91">
        <v>953</v>
      </c>
      <c r="I98" s="98">
        <v>986</v>
      </c>
      <c r="J98" s="123">
        <v>320</v>
      </c>
      <c r="K98" s="94">
        <v>1260</v>
      </c>
      <c r="L98" s="132">
        <v>359</v>
      </c>
      <c r="M98" s="351">
        <v>1411</v>
      </c>
      <c r="N98" s="96">
        <v>603</v>
      </c>
      <c r="O98" s="277">
        <v>0</v>
      </c>
      <c r="P98" s="97">
        <v>72.8</v>
      </c>
    </row>
    <row r="99" spans="1:22" s="219" customFormat="1" ht="15" customHeight="1">
      <c r="A99" s="227"/>
      <c r="B99" s="357"/>
      <c r="C99" s="349" t="s">
        <v>28</v>
      </c>
      <c r="D99" s="358"/>
      <c r="E99" s="32"/>
      <c r="F99" s="91">
        <v>810</v>
      </c>
      <c r="G99" s="91">
        <v>1946</v>
      </c>
      <c r="H99" s="91">
        <v>940</v>
      </c>
      <c r="I99" s="98">
        <v>1006</v>
      </c>
      <c r="J99" s="123">
        <v>250</v>
      </c>
      <c r="K99" s="94">
        <v>1346</v>
      </c>
      <c r="L99" s="132">
        <v>350</v>
      </c>
      <c r="M99" s="351">
        <v>1310</v>
      </c>
      <c r="N99" s="96">
        <v>448</v>
      </c>
      <c r="O99" s="277">
        <v>0</v>
      </c>
      <c r="P99" s="97">
        <v>67.3</v>
      </c>
    </row>
    <row r="100" spans="1:22" s="227" customFormat="1" ht="15" customHeight="1">
      <c r="A100" s="220"/>
      <c r="B100" s="352"/>
      <c r="C100" s="353" t="s">
        <v>29</v>
      </c>
      <c r="D100" s="354"/>
      <c r="E100" s="40"/>
      <c r="F100" s="115">
        <v>501</v>
      </c>
      <c r="G100" s="115">
        <v>1151</v>
      </c>
      <c r="H100" s="115">
        <v>563</v>
      </c>
      <c r="I100" s="114">
        <v>588</v>
      </c>
      <c r="J100" s="127">
        <v>171</v>
      </c>
      <c r="K100" s="118">
        <v>813</v>
      </c>
      <c r="L100" s="276">
        <v>163</v>
      </c>
      <c r="M100" s="355">
        <v>979</v>
      </c>
      <c r="N100" s="120">
        <v>496</v>
      </c>
      <c r="O100" s="280">
        <v>0</v>
      </c>
      <c r="P100" s="122">
        <v>85.4</v>
      </c>
      <c r="T100" s="219"/>
      <c r="U100" s="219"/>
      <c r="V100" s="219"/>
    </row>
    <row r="101" spans="1:22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1:22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1:22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1:22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1:22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1:22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1:22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1:22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1:22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1:22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1:22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1:22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  <row r="151" spans="5:16">
      <c r="E151" s="221"/>
      <c r="F151" s="221"/>
      <c r="G151" s="221"/>
      <c r="H151" s="221"/>
      <c r="I151" s="221"/>
      <c r="J151" s="221"/>
      <c r="K151" s="221"/>
      <c r="L151" s="221"/>
      <c r="M151" s="149"/>
      <c r="N151" s="149"/>
      <c r="O151" s="149"/>
      <c r="P151" s="221"/>
    </row>
    <row r="152" spans="5:16">
      <c r="E152" s="221"/>
      <c r="F152" s="221"/>
      <c r="G152" s="221"/>
      <c r="H152" s="221"/>
      <c r="I152" s="221"/>
      <c r="J152" s="221"/>
      <c r="K152" s="221"/>
      <c r="L152" s="221"/>
      <c r="M152" s="149"/>
      <c r="N152" s="149"/>
      <c r="O152" s="149"/>
      <c r="P152" s="221"/>
    </row>
    <row r="153" spans="5:16">
      <c r="E153" s="221"/>
      <c r="F153" s="221"/>
      <c r="G153" s="221"/>
      <c r="H153" s="221"/>
      <c r="I153" s="221"/>
      <c r="J153" s="221"/>
      <c r="K153" s="221"/>
      <c r="L153" s="221"/>
      <c r="M153" s="149"/>
      <c r="N153" s="149"/>
      <c r="O153" s="149"/>
      <c r="P153" s="221"/>
    </row>
    <row r="154" spans="5:16">
      <c r="E154" s="221"/>
      <c r="F154" s="221"/>
      <c r="G154" s="221"/>
      <c r="H154" s="221"/>
      <c r="I154" s="221"/>
      <c r="J154" s="221"/>
      <c r="K154" s="221"/>
      <c r="L154" s="221"/>
      <c r="M154" s="149"/>
      <c r="N154" s="149"/>
      <c r="O154" s="149"/>
      <c r="P154" s="221"/>
    </row>
    <row r="155" spans="5:16">
      <c r="E155" s="221"/>
      <c r="F155" s="221"/>
      <c r="G155" s="221"/>
      <c r="H155" s="221"/>
      <c r="I155" s="221"/>
      <c r="J155" s="221"/>
      <c r="K155" s="221"/>
      <c r="L155" s="221"/>
      <c r="M155" s="149"/>
      <c r="N155" s="149"/>
      <c r="O155" s="149"/>
      <c r="P155" s="221"/>
    </row>
    <row r="156" spans="5:16">
      <c r="E156" s="221"/>
      <c r="F156" s="221"/>
      <c r="G156" s="221"/>
      <c r="H156" s="221"/>
      <c r="I156" s="221"/>
      <c r="J156" s="221"/>
      <c r="K156" s="221"/>
      <c r="L156" s="221"/>
      <c r="M156" s="149"/>
      <c r="N156" s="149"/>
      <c r="O156" s="149"/>
      <c r="P156" s="221"/>
    </row>
    <row r="157" spans="5:16">
      <c r="E157" s="221"/>
      <c r="F157" s="221"/>
      <c r="G157" s="221"/>
      <c r="H157" s="221"/>
      <c r="I157" s="221"/>
      <c r="J157" s="221"/>
      <c r="K157" s="221"/>
      <c r="L157" s="221"/>
      <c r="M157" s="149"/>
      <c r="N157" s="149"/>
      <c r="O157" s="149"/>
      <c r="P157" s="221"/>
    </row>
    <row r="158" spans="5:16">
      <c r="E158" s="221"/>
      <c r="F158" s="221"/>
      <c r="G158" s="221"/>
      <c r="H158" s="221"/>
      <c r="I158" s="221"/>
      <c r="J158" s="221"/>
      <c r="K158" s="221"/>
      <c r="L158" s="221"/>
      <c r="M158" s="149"/>
      <c r="N158" s="149"/>
      <c r="O158" s="149"/>
      <c r="P158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54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8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332031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" style="44" customWidth="1"/>
    <col min="7" max="7" width="11.5" style="44" customWidth="1"/>
    <col min="8" max="9" width="9.83203125" style="44" customWidth="1"/>
    <col min="10" max="12" width="9.6640625" style="44" customWidth="1"/>
    <col min="13" max="13" width="10" style="45" customWidth="1"/>
    <col min="14" max="15" width="9.83203125" style="45" customWidth="1"/>
    <col min="16" max="16" width="10.664062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545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" customHeight="1" thickTop="1">
      <c r="A8" s="188"/>
      <c r="B8" s="189"/>
      <c r="C8" s="189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15" customHeight="1">
      <c r="B9" s="455" t="s">
        <v>92</v>
      </c>
      <c r="C9" s="466"/>
      <c r="D9" s="356"/>
      <c r="E9" s="28"/>
      <c r="F9" s="152">
        <v>43628</v>
      </c>
      <c r="G9" s="152">
        <v>95204</v>
      </c>
      <c r="H9" s="152">
        <v>45520</v>
      </c>
      <c r="I9" s="81">
        <v>49684</v>
      </c>
      <c r="J9" s="346">
        <v>10873</v>
      </c>
      <c r="K9" s="83">
        <v>61818</v>
      </c>
      <c r="L9" s="287">
        <v>22368</v>
      </c>
      <c r="M9" s="347">
        <v>86102</v>
      </c>
      <c r="N9" s="85">
        <v>30735</v>
      </c>
      <c r="O9" s="85">
        <v>14175</v>
      </c>
      <c r="P9" s="86">
        <v>90.6</v>
      </c>
    </row>
    <row r="10" spans="1:22" s="219" customFormat="1" ht="5.45" customHeight="1">
      <c r="B10" s="348"/>
      <c r="C10" s="349"/>
      <c r="D10" s="350"/>
      <c r="E10" s="32"/>
      <c r="F10" s="91"/>
      <c r="G10" s="91"/>
      <c r="H10" s="91"/>
      <c r="I10" s="98"/>
      <c r="J10" s="123"/>
      <c r="K10" s="94"/>
      <c r="L10" s="132"/>
      <c r="M10" s="351"/>
      <c r="N10" s="96"/>
      <c r="O10" s="96"/>
      <c r="P10" s="97"/>
    </row>
    <row r="11" spans="1:22" s="219" customFormat="1" ht="15.75" customHeight="1">
      <c r="B11" s="348" t="s">
        <v>546</v>
      </c>
      <c r="C11" s="349" t="s">
        <v>26</v>
      </c>
      <c r="D11" s="350"/>
      <c r="E11" s="32"/>
      <c r="F11" s="91">
        <v>976</v>
      </c>
      <c r="G11" s="91">
        <v>1834</v>
      </c>
      <c r="H11" s="91">
        <v>900</v>
      </c>
      <c r="I11" s="98">
        <v>934</v>
      </c>
      <c r="J11" s="123">
        <v>137</v>
      </c>
      <c r="K11" s="94">
        <v>1249</v>
      </c>
      <c r="L11" s="132">
        <v>428</v>
      </c>
      <c r="M11" s="351">
        <v>2324</v>
      </c>
      <c r="N11" s="96">
        <v>1503</v>
      </c>
      <c r="O11" s="277">
        <v>0</v>
      </c>
      <c r="P11" s="97">
        <v>128.1</v>
      </c>
      <c r="T11" s="218"/>
      <c r="U11" s="218"/>
      <c r="V11" s="218"/>
    </row>
    <row r="12" spans="1:22" s="219" customFormat="1" ht="15.75" customHeight="1">
      <c r="B12" s="348"/>
      <c r="C12" s="349" t="s">
        <v>27</v>
      </c>
      <c r="D12" s="350"/>
      <c r="E12" s="32"/>
      <c r="F12" s="91">
        <v>1046</v>
      </c>
      <c r="G12" s="91">
        <v>2289</v>
      </c>
      <c r="H12" s="91">
        <v>1058</v>
      </c>
      <c r="I12" s="98">
        <v>1231</v>
      </c>
      <c r="J12" s="123">
        <v>184</v>
      </c>
      <c r="K12" s="94">
        <v>1397</v>
      </c>
      <c r="L12" s="132">
        <v>702</v>
      </c>
      <c r="M12" s="351">
        <v>1873</v>
      </c>
      <c r="N12" s="96">
        <v>822</v>
      </c>
      <c r="O12" s="277">
        <v>0</v>
      </c>
      <c r="P12" s="97">
        <v>82</v>
      </c>
      <c r="T12" s="218"/>
      <c r="U12" s="218"/>
      <c r="V12" s="218"/>
    </row>
    <row r="13" spans="1:22" s="219" customFormat="1" ht="15.75" customHeight="1">
      <c r="B13" s="348"/>
      <c r="C13" s="349" t="s">
        <v>28</v>
      </c>
      <c r="D13" s="350"/>
      <c r="E13" s="32"/>
      <c r="F13" s="91">
        <v>942</v>
      </c>
      <c r="G13" s="91">
        <v>2093</v>
      </c>
      <c r="H13" s="91">
        <v>985</v>
      </c>
      <c r="I13" s="98">
        <v>1108</v>
      </c>
      <c r="J13" s="123">
        <v>222</v>
      </c>
      <c r="K13" s="94">
        <v>1306</v>
      </c>
      <c r="L13" s="132">
        <v>565</v>
      </c>
      <c r="M13" s="351">
        <v>1535</v>
      </c>
      <c r="N13" s="96">
        <v>667</v>
      </c>
      <c r="O13" s="277">
        <v>0</v>
      </c>
      <c r="P13" s="97">
        <v>73.3</v>
      </c>
      <c r="T13" s="218"/>
      <c r="U13" s="218"/>
      <c r="V13" s="218"/>
    </row>
    <row r="14" spans="1:22" s="219" customFormat="1" ht="15.75" customHeight="1">
      <c r="B14" s="348"/>
      <c r="C14" s="349" t="s">
        <v>29</v>
      </c>
      <c r="D14" s="350"/>
      <c r="E14" s="32"/>
      <c r="F14" s="91">
        <v>1696</v>
      </c>
      <c r="G14" s="91">
        <v>3386</v>
      </c>
      <c r="H14" s="91">
        <v>1701</v>
      </c>
      <c r="I14" s="98">
        <v>1685</v>
      </c>
      <c r="J14" s="123">
        <v>413</v>
      </c>
      <c r="K14" s="94">
        <v>2286</v>
      </c>
      <c r="L14" s="132">
        <v>682</v>
      </c>
      <c r="M14" s="351">
        <v>2928</v>
      </c>
      <c r="N14" s="96">
        <v>957</v>
      </c>
      <c r="O14" s="96">
        <v>488</v>
      </c>
      <c r="P14" s="97">
        <v>86.6</v>
      </c>
      <c r="T14" s="218"/>
      <c r="U14" s="218"/>
      <c r="V14" s="218"/>
    </row>
    <row r="15" spans="1:22" s="219" customFormat="1" ht="15.75" customHeight="1">
      <c r="B15" s="348"/>
      <c r="C15" s="349" t="s">
        <v>30</v>
      </c>
      <c r="D15" s="350"/>
      <c r="E15" s="32"/>
      <c r="F15" s="91">
        <v>1105</v>
      </c>
      <c r="G15" s="91">
        <v>2401</v>
      </c>
      <c r="H15" s="91">
        <v>1075</v>
      </c>
      <c r="I15" s="98">
        <v>1326</v>
      </c>
      <c r="J15" s="123">
        <v>217</v>
      </c>
      <c r="K15" s="94">
        <v>1471</v>
      </c>
      <c r="L15" s="132">
        <v>713</v>
      </c>
      <c r="M15" s="351">
        <v>9402</v>
      </c>
      <c r="N15" s="96">
        <v>1633</v>
      </c>
      <c r="O15" s="96">
        <v>6591</v>
      </c>
      <c r="P15" s="97">
        <v>391.6</v>
      </c>
      <c r="T15" s="218"/>
      <c r="U15" s="218"/>
      <c r="V15" s="218"/>
    </row>
    <row r="16" spans="1:22" s="219" customFormat="1" ht="15.75" customHeight="1">
      <c r="B16" s="348" t="s">
        <v>547</v>
      </c>
      <c r="C16" s="349" t="s">
        <v>26</v>
      </c>
      <c r="D16" s="350"/>
      <c r="E16" s="32"/>
      <c r="F16" s="91">
        <v>664</v>
      </c>
      <c r="G16" s="91">
        <v>1444</v>
      </c>
      <c r="H16" s="91">
        <v>686</v>
      </c>
      <c r="I16" s="98">
        <v>758</v>
      </c>
      <c r="J16" s="123">
        <v>142</v>
      </c>
      <c r="K16" s="94">
        <v>908</v>
      </c>
      <c r="L16" s="132">
        <v>382</v>
      </c>
      <c r="M16" s="351">
        <v>1984</v>
      </c>
      <c r="N16" s="96">
        <v>927</v>
      </c>
      <c r="O16" s="96">
        <v>362</v>
      </c>
      <c r="P16" s="97">
        <v>138.5</v>
      </c>
      <c r="T16" s="218"/>
      <c r="U16" s="218"/>
      <c r="V16" s="218"/>
    </row>
    <row r="17" spans="2:22" s="219" customFormat="1" ht="15.75" customHeight="1">
      <c r="B17" s="348"/>
      <c r="C17" s="349" t="s">
        <v>27</v>
      </c>
      <c r="D17" s="350"/>
      <c r="E17" s="32"/>
      <c r="F17" s="91">
        <v>1146</v>
      </c>
      <c r="G17" s="91">
        <v>2647</v>
      </c>
      <c r="H17" s="91">
        <v>1291</v>
      </c>
      <c r="I17" s="98">
        <v>1356</v>
      </c>
      <c r="J17" s="123">
        <v>290</v>
      </c>
      <c r="K17" s="94">
        <v>1651</v>
      </c>
      <c r="L17" s="132">
        <v>704</v>
      </c>
      <c r="M17" s="351">
        <v>1624</v>
      </c>
      <c r="N17" s="96">
        <v>470</v>
      </c>
      <c r="O17" s="277">
        <v>0</v>
      </c>
      <c r="P17" s="97">
        <v>61.4</v>
      </c>
      <c r="T17" s="218"/>
      <c r="U17" s="218"/>
      <c r="V17" s="218"/>
    </row>
    <row r="18" spans="2:22" s="219" customFormat="1" ht="15.75" customHeight="1">
      <c r="B18" s="348"/>
      <c r="C18" s="349" t="s">
        <v>28</v>
      </c>
      <c r="D18" s="350"/>
      <c r="E18" s="32"/>
      <c r="F18" s="91">
        <v>974</v>
      </c>
      <c r="G18" s="91">
        <v>2024</v>
      </c>
      <c r="H18" s="91">
        <v>1004</v>
      </c>
      <c r="I18" s="98">
        <v>1020</v>
      </c>
      <c r="J18" s="123">
        <v>229</v>
      </c>
      <c r="K18" s="94">
        <v>1302</v>
      </c>
      <c r="L18" s="132">
        <v>493</v>
      </c>
      <c r="M18" s="351">
        <v>1250</v>
      </c>
      <c r="N18" s="96">
        <v>418</v>
      </c>
      <c r="O18" s="277">
        <v>0</v>
      </c>
      <c r="P18" s="97">
        <v>61.8</v>
      </c>
      <c r="T18" s="218"/>
      <c r="U18" s="218"/>
      <c r="V18" s="218"/>
    </row>
    <row r="19" spans="2:22" s="219" customFormat="1" ht="15.75" customHeight="1">
      <c r="B19" s="348"/>
      <c r="C19" s="349" t="s">
        <v>29</v>
      </c>
      <c r="D19" s="350"/>
      <c r="E19" s="32"/>
      <c r="F19" s="91">
        <v>866</v>
      </c>
      <c r="G19" s="91">
        <v>1572</v>
      </c>
      <c r="H19" s="91">
        <v>846</v>
      </c>
      <c r="I19" s="98">
        <v>726</v>
      </c>
      <c r="J19" s="123">
        <v>149</v>
      </c>
      <c r="K19" s="94">
        <v>1045</v>
      </c>
      <c r="L19" s="132">
        <v>371</v>
      </c>
      <c r="M19" s="351">
        <v>1509</v>
      </c>
      <c r="N19" s="96">
        <v>535</v>
      </c>
      <c r="O19" s="96">
        <v>346</v>
      </c>
      <c r="P19" s="97">
        <v>96.4</v>
      </c>
      <c r="T19" s="218"/>
      <c r="U19" s="218"/>
      <c r="V19" s="218"/>
    </row>
    <row r="20" spans="2:22" s="219" customFormat="1" ht="15.75" customHeight="1">
      <c r="B20" s="348"/>
      <c r="C20" s="349" t="s">
        <v>30</v>
      </c>
      <c r="D20" s="350"/>
      <c r="E20" s="32"/>
      <c r="F20" s="91">
        <v>1030</v>
      </c>
      <c r="G20" s="91">
        <v>1808</v>
      </c>
      <c r="H20" s="91">
        <v>981</v>
      </c>
      <c r="I20" s="98">
        <v>827</v>
      </c>
      <c r="J20" s="123">
        <v>191</v>
      </c>
      <c r="K20" s="94">
        <v>1289</v>
      </c>
      <c r="L20" s="132">
        <v>303</v>
      </c>
      <c r="M20" s="351">
        <v>1061</v>
      </c>
      <c r="N20" s="96">
        <v>358</v>
      </c>
      <c r="O20" s="277">
        <v>0</v>
      </c>
      <c r="P20" s="97">
        <v>59.5</v>
      </c>
      <c r="T20" s="218"/>
      <c r="U20" s="218"/>
      <c r="V20" s="218"/>
    </row>
    <row r="21" spans="2:22" s="219" customFormat="1" ht="15.75" customHeight="1">
      <c r="B21" s="348" t="s">
        <v>548</v>
      </c>
      <c r="C21" s="349" t="s">
        <v>26</v>
      </c>
      <c r="D21" s="350"/>
      <c r="E21" s="32"/>
      <c r="F21" s="91">
        <v>595</v>
      </c>
      <c r="G21" s="91">
        <v>1329</v>
      </c>
      <c r="H21" s="91">
        <v>656</v>
      </c>
      <c r="I21" s="98">
        <v>673</v>
      </c>
      <c r="J21" s="123">
        <v>131</v>
      </c>
      <c r="K21" s="94">
        <v>848</v>
      </c>
      <c r="L21" s="132">
        <v>346</v>
      </c>
      <c r="M21" s="351">
        <v>1367</v>
      </c>
      <c r="N21" s="96">
        <v>583</v>
      </c>
      <c r="O21" s="96">
        <v>183</v>
      </c>
      <c r="P21" s="97">
        <v>103.2</v>
      </c>
      <c r="T21" s="218"/>
      <c r="U21" s="218"/>
      <c r="V21" s="218"/>
    </row>
    <row r="22" spans="2:22" s="219" customFormat="1" ht="15.75" customHeight="1">
      <c r="B22" s="348"/>
      <c r="C22" s="349" t="s">
        <v>27</v>
      </c>
      <c r="D22" s="350"/>
      <c r="E22" s="32"/>
      <c r="F22" s="91">
        <v>604</v>
      </c>
      <c r="G22" s="91">
        <v>1483</v>
      </c>
      <c r="H22" s="91">
        <v>691</v>
      </c>
      <c r="I22" s="98">
        <v>792</v>
      </c>
      <c r="J22" s="123">
        <v>155</v>
      </c>
      <c r="K22" s="94">
        <v>819</v>
      </c>
      <c r="L22" s="132">
        <v>509</v>
      </c>
      <c r="M22" s="351">
        <v>1192</v>
      </c>
      <c r="N22" s="96">
        <v>459</v>
      </c>
      <c r="O22" s="277">
        <v>0</v>
      </c>
      <c r="P22" s="97">
        <v>80.400000000000006</v>
      </c>
      <c r="T22" s="218"/>
      <c r="U22" s="218"/>
      <c r="V22" s="218"/>
    </row>
    <row r="23" spans="2:22" s="219" customFormat="1" ht="15.75" customHeight="1">
      <c r="B23" s="348"/>
      <c r="C23" s="349" t="s">
        <v>28</v>
      </c>
      <c r="D23" s="350"/>
      <c r="E23" s="32"/>
      <c r="F23" s="91">
        <v>1103</v>
      </c>
      <c r="G23" s="91">
        <v>2318</v>
      </c>
      <c r="H23" s="91">
        <v>1159</v>
      </c>
      <c r="I23" s="98">
        <v>1159</v>
      </c>
      <c r="J23" s="123">
        <v>229</v>
      </c>
      <c r="K23" s="94">
        <v>1411</v>
      </c>
      <c r="L23" s="132">
        <v>677</v>
      </c>
      <c r="M23" s="351">
        <v>1748</v>
      </c>
      <c r="N23" s="96">
        <v>510</v>
      </c>
      <c r="O23" s="277">
        <v>0</v>
      </c>
      <c r="P23" s="97">
        <v>75.400000000000006</v>
      </c>
      <c r="T23" s="218"/>
      <c r="U23" s="218"/>
      <c r="V23" s="218"/>
    </row>
    <row r="24" spans="2:22" s="219" customFormat="1" ht="15.75" customHeight="1">
      <c r="B24" s="348" t="s">
        <v>549</v>
      </c>
      <c r="C24" s="349" t="s">
        <v>26</v>
      </c>
      <c r="D24" s="350"/>
      <c r="E24" s="32"/>
      <c r="F24" s="91">
        <v>597</v>
      </c>
      <c r="G24" s="91">
        <v>1099</v>
      </c>
      <c r="H24" s="91">
        <v>527</v>
      </c>
      <c r="I24" s="98">
        <v>572</v>
      </c>
      <c r="J24" s="123">
        <v>84</v>
      </c>
      <c r="K24" s="94">
        <v>709</v>
      </c>
      <c r="L24" s="132">
        <v>306</v>
      </c>
      <c r="M24" s="351">
        <v>2254</v>
      </c>
      <c r="N24" s="96">
        <v>1643</v>
      </c>
      <c r="O24" s="277">
        <v>0</v>
      </c>
      <c r="P24" s="97">
        <v>205.1</v>
      </c>
      <c r="T24" s="218"/>
      <c r="U24" s="218"/>
      <c r="V24" s="218"/>
    </row>
    <row r="25" spans="2:22" s="219" customFormat="1" ht="15.75" customHeight="1">
      <c r="B25" s="348"/>
      <c r="C25" s="349" t="s">
        <v>27</v>
      </c>
      <c r="D25" s="350"/>
      <c r="E25" s="32"/>
      <c r="F25" s="91">
        <v>1136</v>
      </c>
      <c r="G25" s="91">
        <v>2384</v>
      </c>
      <c r="H25" s="91">
        <v>1201</v>
      </c>
      <c r="I25" s="98">
        <v>1183</v>
      </c>
      <c r="J25" s="123">
        <v>250</v>
      </c>
      <c r="K25" s="94">
        <v>1534</v>
      </c>
      <c r="L25" s="132">
        <v>600</v>
      </c>
      <c r="M25" s="351">
        <v>1942</v>
      </c>
      <c r="N25" s="96">
        <v>820</v>
      </c>
      <c r="O25" s="277">
        <v>0</v>
      </c>
      <c r="P25" s="97">
        <v>81.5</v>
      </c>
      <c r="T25" s="218"/>
      <c r="U25" s="218"/>
      <c r="V25" s="218"/>
    </row>
    <row r="26" spans="2:22" s="219" customFormat="1" ht="15.75" customHeight="1">
      <c r="B26" s="348"/>
      <c r="C26" s="349" t="s">
        <v>28</v>
      </c>
      <c r="D26" s="350"/>
      <c r="E26" s="32"/>
      <c r="F26" s="91">
        <v>528</v>
      </c>
      <c r="G26" s="91">
        <v>1122</v>
      </c>
      <c r="H26" s="91">
        <v>542</v>
      </c>
      <c r="I26" s="98">
        <v>580</v>
      </c>
      <c r="J26" s="123">
        <v>135</v>
      </c>
      <c r="K26" s="94">
        <v>656</v>
      </c>
      <c r="L26" s="132">
        <v>331</v>
      </c>
      <c r="M26" s="351">
        <v>1266</v>
      </c>
      <c r="N26" s="96">
        <v>506</v>
      </c>
      <c r="O26" s="96">
        <v>266</v>
      </c>
      <c r="P26" s="97">
        <v>112.8</v>
      </c>
      <c r="T26" s="218"/>
      <c r="U26" s="218"/>
      <c r="V26" s="218"/>
    </row>
    <row r="27" spans="2:22" s="219" customFormat="1" ht="15.75" customHeight="1">
      <c r="B27" s="348"/>
      <c r="C27" s="349" t="s">
        <v>29</v>
      </c>
      <c r="D27" s="350"/>
      <c r="E27" s="32"/>
      <c r="F27" s="91">
        <v>1122</v>
      </c>
      <c r="G27" s="91">
        <v>2564</v>
      </c>
      <c r="H27" s="91">
        <v>1297</v>
      </c>
      <c r="I27" s="98">
        <v>1267</v>
      </c>
      <c r="J27" s="123">
        <v>291</v>
      </c>
      <c r="K27" s="94">
        <v>1611</v>
      </c>
      <c r="L27" s="132">
        <v>662</v>
      </c>
      <c r="M27" s="351">
        <v>1731</v>
      </c>
      <c r="N27" s="96">
        <v>586</v>
      </c>
      <c r="O27" s="277">
        <v>0</v>
      </c>
      <c r="P27" s="97">
        <v>67.5</v>
      </c>
      <c r="T27" s="218"/>
      <c r="U27" s="218"/>
      <c r="V27" s="218"/>
    </row>
    <row r="28" spans="2:22" s="219" customFormat="1" ht="15.75" customHeight="1">
      <c r="B28" s="348" t="s">
        <v>550</v>
      </c>
      <c r="C28" s="349" t="s">
        <v>26</v>
      </c>
      <c r="D28" s="350"/>
      <c r="E28" s="32"/>
      <c r="F28" s="91">
        <v>1159</v>
      </c>
      <c r="G28" s="91">
        <v>2444</v>
      </c>
      <c r="H28" s="91">
        <v>1172</v>
      </c>
      <c r="I28" s="98">
        <v>1272</v>
      </c>
      <c r="J28" s="123">
        <v>305</v>
      </c>
      <c r="K28" s="94">
        <v>1598</v>
      </c>
      <c r="L28" s="132">
        <v>531</v>
      </c>
      <c r="M28" s="351">
        <v>1747</v>
      </c>
      <c r="N28" s="96">
        <v>462</v>
      </c>
      <c r="O28" s="96">
        <v>328</v>
      </c>
      <c r="P28" s="97">
        <v>71.8</v>
      </c>
      <c r="T28" s="218"/>
      <c r="U28" s="218"/>
      <c r="V28" s="218"/>
    </row>
    <row r="29" spans="2:22" s="219" customFormat="1" ht="15.75" customHeight="1">
      <c r="B29" s="348"/>
      <c r="C29" s="349" t="s">
        <v>27</v>
      </c>
      <c r="D29" s="350"/>
      <c r="E29" s="32"/>
      <c r="F29" s="91">
        <v>496</v>
      </c>
      <c r="G29" s="91">
        <v>1094</v>
      </c>
      <c r="H29" s="91">
        <v>530</v>
      </c>
      <c r="I29" s="98">
        <v>564</v>
      </c>
      <c r="J29" s="123">
        <v>126</v>
      </c>
      <c r="K29" s="94">
        <v>726</v>
      </c>
      <c r="L29" s="132">
        <v>234</v>
      </c>
      <c r="M29" s="351">
        <v>546</v>
      </c>
      <c r="N29" s="96">
        <v>105</v>
      </c>
      <c r="O29" s="277">
        <v>0</v>
      </c>
      <c r="P29" s="97">
        <v>50.3</v>
      </c>
      <c r="T29" s="218"/>
      <c r="U29" s="218"/>
      <c r="V29" s="218"/>
    </row>
    <row r="30" spans="2:22" s="219" customFormat="1" ht="15.75" customHeight="1">
      <c r="B30" s="348"/>
      <c r="C30" s="349" t="s">
        <v>28</v>
      </c>
      <c r="D30" s="350"/>
      <c r="E30" s="32"/>
      <c r="F30" s="91">
        <v>1477</v>
      </c>
      <c r="G30" s="91">
        <v>3721</v>
      </c>
      <c r="H30" s="91">
        <v>1714</v>
      </c>
      <c r="I30" s="98">
        <v>2007</v>
      </c>
      <c r="J30" s="123">
        <v>445</v>
      </c>
      <c r="K30" s="94">
        <v>2372</v>
      </c>
      <c r="L30" s="132">
        <v>903</v>
      </c>
      <c r="M30" s="351">
        <v>2663</v>
      </c>
      <c r="N30" s="96">
        <v>308</v>
      </c>
      <c r="O30" s="96">
        <v>726</v>
      </c>
      <c r="P30" s="97">
        <v>71.599999999999994</v>
      </c>
      <c r="T30" s="218"/>
      <c r="U30" s="218"/>
      <c r="V30" s="218"/>
    </row>
    <row r="31" spans="2:22" s="219" customFormat="1" ht="15.75" customHeight="1">
      <c r="B31" s="348" t="s">
        <v>551</v>
      </c>
      <c r="C31" s="349" t="s">
        <v>26</v>
      </c>
      <c r="D31" s="350"/>
      <c r="E31" s="32"/>
      <c r="F31" s="91">
        <v>1110</v>
      </c>
      <c r="G31" s="91">
        <v>2057</v>
      </c>
      <c r="H31" s="91">
        <v>1014</v>
      </c>
      <c r="I31" s="98">
        <v>1043</v>
      </c>
      <c r="J31" s="123">
        <v>191</v>
      </c>
      <c r="K31" s="94">
        <v>1440</v>
      </c>
      <c r="L31" s="132">
        <v>426</v>
      </c>
      <c r="M31" s="351">
        <v>1392</v>
      </c>
      <c r="N31" s="96">
        <v>449</v>
      </c>
      <c r="O31" s="277">
        <v>0</v>
      </c>
      <c r="P31" s="97">
        <v>67.7</v>
      </c>
      <c r="T31" s="218"/>
      <c r="U31" s="218"/>
      <c r="V31" s="218"/>
    </row>
    <row r="32" spans="2:22" s="219" customFormat="1" ht="15.75" customHeight="1">
      <c r="B32" s="348"/>
      <c r="C32" s="349" t="s">
        <v>27</v>
      </c>
      <c r="D32" s="350"/>
      <c r="E32" s="32"/>
      <c r="F32" s="91">
        <v>1107</v>
      </c>
      <c r="G32" s="91">
        <v>2333</v>
      </c>
      <c r="H32" s="91">
        <v>1086</v>
      </c>
      <c r="I32" s="98">
        <v>1247</v>
      </c>
      <c r="J32" s="123">
        <v>231</v>
      </c>
      <c r="K32" s="94">
        <v>1514</v>
      </c>
      <c r="L32" s="132">
        <v>586</v>
      </c>
      <c r="M32" s="351">
        <v>1269</v>
      </c>
      <c r="N32" s="96">
        <v>313</v>
      </c>
      <c r="O32" s="277">
        <v>0</v>
      </c>
      <c r="P32" s="97">
        <v>54.4</v>
      </c>
      <c r="T32" s="218"/>
      <c r="U32" s="218"/>
      <c r="V32" s="218"/>
    </row>
    <row r="33" spans="2:22" s="219" customFormat="1" ht="15.75" customHeight="1">
      <c r="B33" s="348" t="s">
        <v>552</v>
      </c>
      <c r="C33" s="349" t="s">
        <v>26</v>
      </c>
      <c r="D33" s="350"/>
      <c r="E33" s="32"/>
      <c r="F33" s="91">
        <v>418</v>
      </c>
      <c r="G33" s="91">
        <v>842</v>
      </c>
      <c r="H33" s="91">
        <v>395</v>
      </c>
      <c r="I33" s="98">
        <v>447</v>
      </c>
      <c r="J33" s="123">
        <v>69</v>
      </c>
      <c r="K33" s="94">
        <v>554</v>
      </c>
      <c r="L33" s="132">
        <v>219</v>
      </c>
      <c r="M33" s="351">
        <v>1107</v>
      </c>
      <c r="N33" s="96">
        <v>748</v>
      </c>
      <c r="O33" s="277">
        <v>0</v>
      </c>
      <c r="P33" s="97">
        <v>131.5</v>
      </c>
      <c r="T33" s="218"/>
      <c r="U33" s="218"/>
      <c r="V33" s="218"/>
    </row>
    <row r="34" spans="2:22" s="219" customFormat="1" ht="15.75" customHeight="1">
      <c r="B34" s="348"/>
      <c r="C34" s="349" t="s">
        <v>27</v>
      </c>
      <c r="D34" s="350"/>
      <c r="E34" s="32"/>
      <c r="F34" s="91">
        <v>564</v>
      </c>
      <c r="G34" s="91">
        <v>1171</v>
      </c>
      <c r="H34" s="91">
        <v>531</v>
      </c>
      <c r="I34" s="98">
        <v>640</v>
      </c>
      <c r="J34" s="123">
        <v>116</v>
      </c>
      <c r="K34" s="94">
        <v>745</v>
      </c>
      <c r="L34" s="132">
        <v>310</v>
      </c>
      <c r="M34" s="351">
        <v>2136</v>
      </c>
      <c r="N34" s="96">
        <v>1631</v>
      </c>
      <c r="O34" s="277">
        <v>0</v>
      </c>
      <c r="P34" s="97">
        <v>182.4</v>
      </c>
      <c r="T34" s="218"/>
      <c r="U34" s="218"/>
      <c r="V34" s="218"/>
    </row>
    <row r="35" spans="2:22" s="219" customFormat="1" ht="15.75" customHeight="1">
      <c r="B35" s="348" t="s">
        <v>553</v>
      </c>
      <c r="C35" s="349" t="s">
        <v>26</v>
      </c>
      <c r="D35" s="350"/>
      <c r="E35" s="32"/>
      <c r="F35" s="91">
        <v>938</v>
      </c>
      <c r="G35" s="91">
        <v>1944</v>
      </c>
      <c r="H35" s="91">
        <v>941</v>
      </c>
      <c r="I35" s="98">
        <v>1003</v>
      </c>
      <c r="J35" s="123">
        <v>276</v>
      </c>
      <c r="K35" s="94">
        <v>1311</v>
      </c>
      <c r="L35" s="132">
        <v>351</v>
      </c>
      <c r="M35" s="351">
        <v>1820</v>
      </c>
      <c r="N35" s="96">
        <v>1035</v>
      </c>
      <c r="O35" s="277">
        <v>0</v>
      </c>
      <c r="P35" s="97">
        <v>93.9</v>
      </c>
      <c r="T35" s="218"/>
      <c r="U35" s="218"/>
      <c r="V35" s="218"/>
    </row>
    <row r="36" spans="2:22" s="219" customFormat="1" ht="15.75" customHeight="1">
      <c r="B36" s="348"/>
      <c r="C36" s="349" t="s">
        <v>27</v>
      </c>
      <c r="D36" s="350"/>
      <c r="E36" s="32"/>
      <c r="F36" s="91">
        <v>791</v>
      </c>
      <c r="G36" s="91">
        <v>1642</v>
      </c>
      <c r="H36" s="91">
        <v>761</v>
      </c>
      <c r="I36" s="98">
        <v>881</v>
      </c>
      <c r="J36" s="123">
        <v>133</v>
      </c>
      <c r="K36" s="94">
        <v>1012</v>
      </c>
      <c r="L36" s="132">
        <v>496</v>
      </c>
      <c r="M36" s="351">
        <v>2175</v>
      </c>
      <c r="N36" s="96">
        <v>842</v>
      </c>
      <c r="O36" s="96">
        <v>691</v>
      </c>
      <c r="P36" s="97">
        <v>132.5</v>
      </c>
      <c r="T36" s="218"/>
      <c r="U36" s="218"/>
      <c r="V36" s="218"/>
    </row>
    <row r="37" spans="2:22" s="219" customFormat="1" ht="15.75" customHeight="1">
      <c r="B37" s="348" t="s">
        <v>554</v>
      </c>
      <c r="C37" s="349" t="s">
        <v>26</v>
      </c>
      <c r="D37" s="350"/>
      <c r="E37" s="32"/>
      <c r="F37" s="91">
        <v>777</v>
      </c>
      <c r="G37" s="91">
        <v>1599</v>
      </c>
      <c r="H37" s="91">
        <v>739</v>
      </c>
      <c r="I37" s="98">
        <v>860</v>
      </c>
      <c r="J37" s="123">
        <v>139</v>
      </c>
      <c r="K37" s="94">
        <v>1019</v>
      </c>
      <c r="L37" s="132">
        <v>439</v>
      </c>
      <c r="M37" s="351">
        <v>1146</v>
      </c>
      <c r="N37" s="96">
        <v>312</v>
      </c>
      <c r="O37" s="96">
        <v>77</v>
      </c>
      <c r="P37" s="97">
        <v>71.8</v>
      </c>
      <c r="T37" s="218"/>
      <c r="U37" s="218"/>
      <c r="V37" s="218"/>
    </row>
    <row r="38" spans="2:22" s="219" customFormat="1" ht="15.75" customHeight="1">
      <c r="B38" s="348" t="s">
        <v>123</v>
      </c>
      <c r="C38" s="349" t="s">
        <v>27</v>
      </c>
      <c r="D38" s="350"/>
      <c r="E38" s="32"/>
      <c r="F38" s="91">
        <v>881</v>
      </c>
      <c r="G38" s="91">
        <v>2152</v>
      </c>
      <c r="H38" s="91">
        <v>1018</v>
      </c>
      <c r="I38" s="98">
        <v>1134</v>
      </c>
      <c r="J38" s="123">
        <v>254</v>
      </c>
      <c r="K38" s="94">
        <v>1336</v>
      </c>
      <c r="L38" s="132">
        <v>559</v>
      </c>
      <c r="M38" s="351">
        <v>1720</v>
      </c>
      <c r="N38" s="96">
        <v>805</v>
      </c>
      <c r="O38" s="277">
        <v>0</v>
      </c>
      <c r="P38" s="97">
        <v>80</v>
      </c>
      <c r="T38" s="218"/>
      <c r="U38" s="218"/>
      <c r="V38" s="218"/>
    </row>
    <row r="39" spans="2:22" s="219" customFormat="1" ht="15.75" customHeight="1">
      <c r="B39" s="348"/>
      <c r="C39" s="349" t="s">
        <v>28</v>
      </c>
      <c r="D39" s="350"/>
      <c r="E39" s="32"/>
      <c r="F39" s="91">
        <v>1087</v>
      </c>
      <c r="G39" s="91">
        <v>2495</v>
      </c>
      <c r="H39" s="91">
        <v>1139</v>
      </c>
      <c r="I39" s="98">
        <v>1356</v>
      </c>
      <c r="J39" s="123">
        <v>250</v>
      </c>
      <c r="K39" s="94">
        <v>1451</v>
      </c>
      <c r="L39" s="132">
        <v>794</v>
      </c>
      <c r="M39" s="351">
        <v>1937</v>
      </c>
      <c r="N39" s="96">
        <v>728</v>
      </c>
      <c r="O39" s="277">
        <v>0</v>
      </c>
      <c r="P39" s="97">
        <v>77.599999999999994</v>
      </c>
      <c r="T39" s="218"/>
      <c r="U39" s="218"/>
      <c r="V39" s="218"/>
    </row>
    <row r="40" spans="2:22" s="219" customFormat="1" ht="15.75" customHeight="1">
      <c r="B40" s="348"/>
      <c r="C40" s="349" t="s">
        <v>29</v>
      </c>
      <c r="D40" s="350"/>
      <c r="E40" s="32"/>
      <c r="F40" s="91">
        <v>919</v>
      </c>
      <c r="G40" s="91">
        <v>1866</v>
      </c>
      <c r="H40" s="91">
        <v>957</v>
      </c>
      <c r="I40" s="98">
        <v>909</v>
      </c>
      <c r="J40" s="123">
        <v>239</v>
      </c>
      <c r="K40" s="94">
        <v>1266</v>
      </c>
      <c r="L40" s="132">
        <v>361</v>
      </c>
      <c r="M40" s="351">
        <v>1244</v>
      </c>
      <c r="N40" s="96">
        <v>398</v>
      </c>
      <c r="O40" s="277">
        <v>0</v>
      </c>
      <c r="P40" s="97">
        <v>66.7</v>
      </c>
      <c r="T40" s="218"/>
      <c r="U40" s="218"/>
      <c r="V40" s="218"/>
    </row>
    <row r="41" spans="2:22" s="219" customFormat="1" ht="15.75" customHeight="1">
      <c r="B41" s="348"/>
      <c r="C41" s="349" t="s">
        <v>30</v>
      </c>
      <c r="D41" s="350"/>
      <c r="E41" s="32"/>
      <c r="F41" s="91">
        <v>662</v>
      </c>
      <c r="G41" s="91">
        <v>1561</v>
      </c>
      <c r="H41" s="91">
        <v>756</v>
      </c>
      <c r="I41" s="98">
        <v>805</v>
      </c>
      <c r="J41" s="123">
        <v>204</v>
      </c>
      <c r="K41" s="94">
        <v>1056</v>
      </c>
      <c r="L41" s="132">
        <v>300</v>
      </c>
      <c r="M41" s="351">
        <v>1279</v>
      </c>
      <c r="N41" s="96">
        <v>279</v>
      </c>
      <c r="O41" s="96">
        <v>384</v>
      </c>
      <c r="P41" s="97">
        <v>82</v>
      </c>
      <c r="T41" s="218"/>
      <c r="U41" s="218"/>
      <c r="V41" s="218"/>
    </row>
    <row r="42" spans="2:22" s="219" customFormat="1" ht="15.75" customHeight="1">
      <c r="B42" s="348" t="s">
        <v>555</v>
      </c>
      <c r="C42" s="349" t="s">
        <v>26</v>
      </c>
      <c r="D42" s="350"/>
      <c r="E42" s="32"/>
      <c r="F42" s="91">
        <v>1650</v>
      </c>
      <c r="G42" s="91">
        <v>3940</v>
      </c>
      <c r="H42" s="91">
        <v>1818</v>
      </c>
      <c r="I42" s="98">
        <v>2122</v>
      </c>
      <c r="J42" s="123">
        <v>505</v>
      </c>
      <c r="K42" s="94">
        <v>2760</v>
      </c>
      <c r="L42" s="132">
        <v>665</v>
      </c>
      <c r="M42" s="351">
        <v>1735</v>
      </c>
      <c r="N42" s="96">
        <v>249</v>
      </c>
      <c r="O42" s="277">
        <v>0</v>
      </c>
      <c r="P42" s="97">
        <v>44.1</v>
      </c>
      <c r="T42" s="218"/>
      <c r="U42" s="218"/>
      <c r="V42" s="218"/>
    </row>
    <row r="43" spans="2:22" s="219" customFormat="1" ht="15.75" customHeight="1">
      <c r="B43" s="348"/>
      <c r="C43" s="349" t="s">
        <v>27</v>
      </c>
      <c r="D43" s="350"/>
      <c r="E43" s="32"/>
      <c r="F43" s="91">
        <v>951</v>
      </c>
      <c r="G43" s="91">
        <v>2025</v>
      </c>
      <c r="H43" s="91">
        <v>977</v>
      </c>
      <c r="I43" s="98">
        <v>1048</v>
      </c>
      <c r="J43" s="123">
        <v>236</v>
      </c>
      <c r="K43" s="94">
        <v>1355</v>
      </c>
      <c r="L43" s="132">
        <v>434</v>
      </c>
      <c r="M43" s="351">
        <v>1547</v>
      </c>
      <c r="N43" s="96">
        <v>647</v>
      </c>
      <c r="O43" s="277">
        <v>0</v>
      </c>
      <c r="P43" s="97">
        <v>76.400000000000006</v>
      </c>
      <c r="T43" s="218"/>
      <c r="U43" s="218"/>
      <c r="V43" s="218"/>
    </row>
    <row r="44" spans="2:22" s="219" customFormat="1" ht="15.75" customHeight="1">
      <c r="B44" s="348"/>
      <c r="C44" s="349" t="s">
        <v>28</v>
      </c>
      <c r="D44" s="350"/>
      <c r="E44" s="32"/>
      <c r="F44" s="91">
        <v>576</v>
      </c>
      <c r="G44" s="91">
        <v>1244</v>
      </c>
      <c r="H44" s="91">
        <v>584</v>
      </c>
      <c r="I44" s="98">
        <v>660</v>
      </c>
      <c r="J44" s="123">
        <v>120</v>
      </c>
      <c r="K44" s="94">
        <v>818</v>
      </c>
      <c r="L44" s="132">
        <v>306</v>
      </c>
      <c r="M44" s="351">
        <v>914</v>
      </c>
      <c r="N44" s="96">
        <v>412</v>
      </c>
      <c r="O44" s="277">
        <v>0</v>
      </c>
      <c r="P44" s="97">
        <v>73.5</v>
      </c>
      <c r="T44" s="218"/>
      <c r="U44" s="218"/>
      <c r="V44" s="218"/>
    </row>
    <row r="45" spans="2:22" s="219" customFormat="1" ht="15.75" customHeight="1">
      <c r="B45" s="348"/>
      <c r="C45" s="349" t="s">
        <v>29</v>
      </c>
      <c r="D45" s="350"/>
      <c r="E45" s="32"/>
      <c r="F45" s="91">
        <v>1080</v>
      </c>
      <c r="G45" s="91">
        <v>2420</v>
      </c>
      <c r="H45" s="91">
        <v>1152</v>
      </c>
      <c r="I45" s="98">
        <v>1268</v>
      </c>
      <c r="J45" s="123">
        <v>327</v>
      </c>
      <c r="K45" s="94">
        <v>1553</v>
      </c>
      <c r="L45" s="132">
        <v>539</v>
      </c>
      <c r="M45" s="351">
        <v>1804</v>
      </c>
      <c r="N45" s="96">
        <v>717</v>
      </c>
      <c r="O45" s="277">
        <v>0</v>
      </c>
      <c r="P45" s="97">
        <v>74.599999999999994</v>
      </c>
      <c r="T45" s="218"/>
      <c r="U45" s="218"/>
      <c r="V45" s="218"/>
    </row>
    <row r="46" spans="2:22" s="219" customFormat="1" ht="15.75" customHeight="1">
      <c r="B46" s="348"/>
      <c r="C46" s="349" t="s">
        <v>30</v>
      </c>
      <c r="D46" s="350"/>
      <c r="E46" s="32"/>
      <c r="F46" s="91">
        <v>776</v>
      </c>
      <c r="G46" s="91">
        <v>1723</v>
      </c>
      <c r="H46" s="91">
        <v>799</v>
      </c>
      <c r="I46" s="98">
        <v>924</v>
      </c>
      <c r="J46" s="123">
        <v>200</v>
      </c>
      <c r="K46" s="94">
        <v>1109</v>
      </c>
      <c r="L46" s="132">
        <v>412</v>
      </c>
      <c r="M46" s="351">
        <v>1092</v>
      </c>
      <c r="N46" s="96">
        <v>323</v>
      </c>
      <c r="O46" s="277">
        <v>0</v>
      </c>
      <c r="P46" s="97">
        <v>63.5</v>
      </c>
      <c r="T46" s="218"/>
      <c r="U46" s="218"/>
      <c r="V46" s="218"/>
    </row>
    <row r="47" spans="2:22" s="219" customFormat="1" ht="15" customHeight="1">
      <c r="B47" s="348"/>
      <c r="C47" s="349" t="s">
        <v>31</v>
      </c>
      <c r="D47" s="350"/>
      <c r="E47" s="32"/>
      <c r="F47" s="91">
        <v>568</v>
      </c>
      <c r="G47" s="91">
        <v>1455</v>
      </c>
      <c r="H47" s="91">
        <v>722</v>
      </c>
      <c r="I47" s="98">
        <v>733</v>
      </c>
      <c r="J47" s="123">
        <v>253</v>
      </c>
      <c r="K47" s="94">
        <v>986</v>
      </c>
      <c r="L47" s="132">
        <v>216</v>
      </c>
      <c r="M47" s="351">
        <v>2894</v>
      </c>
      <c r="N47" s="96">
        <v>969</v>
      </c>
      <c r="O47" s="96">
        <v>1337</v>
      </c>
      <c r="P47" s="97">
        <v>198.9</v>
      </c>
      <c r="T47" s="218"/>
      <c r="U47" s="218"/>
      <c r="V47" s="218"/>
    </row>
    <row r="48" spans="2:22" s="219" customFormat="1" ht="15" customHeight="1">
      <c r="B48" s="348"/>
      <c r="C48" s="349" t="s">
        <v>32</v>
      </c>
      <c r="D48" s="350"/>
      <c r="E48" s="32"/>
      <c r="F48" s="91">
        <v>1007</v>
      </c>
      <c r="G48" s="91">
        <v>2477</v>
      </c>
      <c r="H48" s="91">
        <v>1179</v>
      </c>
      <c r="I48" s="98">
        <v>1298</v>
      </c>
      <c r="J48" s="123">
        <v>399</v>
      </c>
      <c r="K48" s="94">
        <v>1681</v>
      </c>
      <c r="L48" s="132">
        <v>397</v>
      </c>
      <c r="M48" s="351">
        <v>1477</v>
      </c>
      <c r="N48" s="96">
        <v>449</v>
      </c>
      <c r="O48" s="277">
        <v>0</v>
      </c>
      <c r="P48" s="97">
        <v>59.6</v>
      </c>
      <c r="T48" s="218"/>
      <c r="U48" s="218"/>
      <c r="V48" s="218"/>
    </row>
    <row r="49" spans="1:22" s="219" customFormat="1" ht="15" customHeight="1">
      <c r="B49" s="348" t="s">
        <v>556</v>
      </c>
      <c r="C49" s="349" t="s">
        <v>26</v>
      </c>
      <c r="D49" s="350"/>
      <c r="E49" s="32"/>
      <c r="F49" s="91">
        <v>548</v>
      </c>
      <c r="G49" s="91">
        <v>1433</v>
      </c>
      <c r="H49" s="91">
        <v>687</v>
      </c>
      <c r="I49" s="98">
        <v>746</v>
      </c>
      <c r="J49" s="123">
        <v>319</v>
      </c>
      <c r="K49" s="94">
        <v>977</v>
      </c>
      <c r="L49" s="132">
        <v>137</v>
      </c>
      <c r="M49" s="351">
        <v>966</v>
      </c>
      <c r="N49" s="96">
        <v>425</v>
      </c>
      <c r="O49" s="277">
        <v>0</v>
      </c>
      <c r="P49" s="97">
        <v>67.400000000000006</v>
      </c>
      <c r="T49" s="218"/>
      <c r="U49" s="218"/>
      <c r="V49" s="218"/>
    </row>
    <row r="50" spans="1:22" s="219" customFormat="1" ht="15" customHeight="1">
      <c r="B50" s="348"/>
      <c r="C50" s="349" t="s">
        <v>27</v>
      </c>
      <c r="D50" s="350"/>
      <c r="E50" s="32"/>
      <c r="F50" s="91">
        <v>1483</v>
      </c>
      <c r="G50" s="91">
        <v>3669</v>
      </c>
      <c r="H50" s="91">
        <v>1739</v>
      </c>
      <c r="I50" s="98">
        <v>1930</v>
      </c>
      <c r="J50" s="123">
        <v>512</v>
      </c>
      <c r="K50" s="94">
        <v>2564</v>
      </c>
      <c r="L50" s="132">
        <v>591</v>
      </c>
      <c r="M50" s="351">
        <v>2245</v>
      </c>
      <c r="N50" s="96">
        <v>904</v>
      </c>
      <c r="O50" s="277">
        <v>0</v>
      </c>
      <c r="P50" s="97">
        <v>61.2</v>
      </c>
      <c r="T50" s="218"/>
      <c r="U50" s="218"/>
      <c r="V50" s="218"/>
    </row>
    <row r="51" spans="1:22" s="219" customFormat="1" ht="15.75" customHeight="1">
      <c r="B51" s="348"/>
      <c r="C51" s="349" t="s">
        <v>28</v>
      </c>
      <c r="D51" s="350"/>
      <c r="E51" s="32"/>
      <c r="F51" s="91">
        <v>1186</v>
      </c>
      <c r="G51" s="91">
        <v>2992</v>
      </c>
      <c r="H51" s="91">
        <v>1399</v>
      </c>
      <c r="I51" s="98">
        <v>1593</v>
      </c>
      <c r="J51" s="123">
        <v>349</v>
      </c>
      <c r="K51" s="94">
        <v>1856</v>
      </c>
      <c r="L51" s="132">
        <v>781</v>
      </c>
      <c r="M51" s="351">
        <v>1975</v>
      </c>
      <c r="N51" s="96">
        <v>476</v>
      </c>
      <c r="O51" s="96">
        <v>227</v>
      </c>
      <c r="P51" s="97">
        <v>66.099999999999994</v>
      </c>
      <c r="T51" s="218"/>
      <c r="U51" s="218"/>
      <c r="V51" s="218"/>
    </row>
    <row r="52" spans="1:22" s="219" customFormat="1" ht="15.75" customHeight="1">
      <c r="B52" s="348"/>
      <c r="C52" s="349" t="s">
        <v>29</v>
      </c>
      <c r="D52" s="350"/>
      <c r="E52" s="32"/>
      <c r="F52" s="91">
        <v>1046</v>
      </c>
      <c r="G52" s="91">
        <v>2135</v>
      </c>
      <c r="H52" s="91">
        <v>1020</v>
      </c>
      <c r="I52" s="98">
        <v>1115</v>
      </c>
      <c r="J52" s="123">
        <v>219</v>
      </c>
      <c r="K52" s="94">
        <v>1496</v>
      </c>
      <c r="L52" s="132">
        <v>420</v>
      </c>
      <c r="M52" s="351">
        <v>1939</v>
      </c>
      <c r="N52" s="96">
        <v>1108</v>
      </c>
      <c r="O52" s="277">
        <v>0</v>
      </c>
      <c r="P52" s="97">
        <v>90.8</v>
      </c>
      <c r="T52" s="218"/>
      <c r="U52" s="218"/>
      <c r="V52" s="218"/>
    </row>
    <row r="53" spans="1:22" s="219" customFormat="1" ht="15.75" customHeight="1">
      <c r="B53" s="348" t="s">
        <v>123</v>
      </c>
      <c r="C53" s="349" t="s">
        <v>30</v>
      </c>
      <c r="D53" s="350"/>
      <c r="E53" s="32"/>
      <c r="F53" s="91">
        <v>1355</v>
      </c>
      <c r="G53" s="91">
        <v>2614</v>
      </c>
      <c r="H53" s="91">
        <v>1209</v>
      </c>
      <c r="I53" s="98">
        <v>1405</v>
      </c>
      <c r="J53" s="123">
        <v>197</v>
      </c>
      <c r="K53" s="94">
        <v>1714</v>
      </c>
      <c r="L53" s="132">
        <v>703</v>
      </c>
      <c r="M53" s="351">
        <v>3018</v>
      </c>
      <c r="N53" s="96">
        <v>598</v>
      </c>
      <c r="O53" s="96">
        <v>1269</v>
      </c>
      <c r="P53" s="97">
        <v>115.5</v>
      </c>
      <c r="T53" s="218"/>
      <c r="U53" s="218"/>
      <c r="V53" s="218"/>
    </row>
    <row r="54" spans="1:22" s="219" customFormat="1" ht="15.75" customHeight="1">
      <c r="B54" s="348"/>
      <c r="C54" s="349" t="s">
        <v>31</v>
      </c>
      <c r="D54" s="350"/>
      <c r="E54" s="32"/>
      <c r="F54" s="91">
        <v>1839</v>
      </c>
      <c r="G54" s="91">
        <v>4386</v>
      </c>
      <c r="H54" s="91">
        <v>1946</v>
      </c>
      <c r="I54" s="98">
        <v>2440</v>
      </c>
      <c r="J54" s="123">
        <v>602</v>
      </c>
      <c r="K54" s="94">
        <v>2693</v>
      </c>
      <c r="L54" s="132">
        <v>1087</v>
      </c>
      <c r="M54" s="351">
        <v>3748</v>
      </c>
      <c r="N54" s="96">
        <v>919</v>
      </c>
      <c r="O54" s="96">
        <v>900</v>
      </c>
      <c r="P54" s="97">
        <v>85.5</v>
      </c>
      <c r="T54" s="218"/>
      <c r="U54" s="218"/>
      <c r="V54" s="218"/>
    </row>
    <row r="55" spans="1:22" s="219" customFormat="1" ht="12" customHeight="1">
      <c r="B55" s="357"/>
      <c r="C55" s="349" t="s">
        <v>32</v>
      </c>
      <c r="D55" s="358"/>
      <c r="E55" s="32"/>
      <c r="F55" s="91">
        <v>1047</v>
      </c>
      <c r="G55" s="91">
        <v>1973</v>
      </c>
      <c r="H55" s="91">
        <v>936</v>
      </c>
      <c r="I55" s="98">
        <v>1037</v>
      </c>
      <c r="J55" s="94">
        <v>208</v>
      </c>
      <c r="K55" s="94">
        <v>1364</v>
      </c>
      <c r="L55" s="94">
        <v>397</v>
      </c>
      <c r="M55" s="125">
        <v>1577</v>
      </c>
      <c r="N55" s="363">
        <v>727</v>
      </c>
      <c r="O55" s="277">
        <v>0</v>
      </c>
      <c r="P55" s="97">
        <v>80.099999999999994</v>
      </c>
      <c r="T55" s="218"/>
      <c r="U55" s="218"/>
      <c r="V55" s="218"/>
    </row>
    <row r="56" spans="1:22" ht="3" customHeight="1">
      <c r="A56" s="141"/>
      <c r="B56" s="359"/>
      <c r="C56" s="359"/>
      <c r="D56" s="168"/>
      <c r="E56" s="360"/>
      <c r="F56" s="171"/>
      <c r="G56" s="170"/>
      <c r="H56" s="171"/>
      <c r="I56" s="170"/>
      <c r="J56" s="170"/>
      <c r="K56" s="171"/>
      <c r="L56" s="171"/>
      <c r="M56" s="173"/>
      <c r="N56" s="362"/>
      <c r="O56" s="175"/>
      <c r="P56" s="176"/>
    </row>
    <row r="57" spans="1:22">
      <c r="B57" s="226"/>
      <c r="C57" s="226"/>
      <c r="E57" s="221"/>
      <c r="F57" s="148"/>
      <c r="G57" s="148"/>
      <c r="H57" s="148"/>
      <c r="I57" s="148"/>
      <c r="J57" s="148"/>
      <c r="K57" s="148"/>
      <c r="L57" s="148"/>
      <c r="M57" s="149"/>
      <c r="N57" s="149"/>
      <c r="O57" s="149"/>
      <c r="P57" s="150"/>
    </row>
    <row r="58" spans="1:22">
      <c r="B58" s="226"/>
      <c r="C58" s="226"/>
      <c r="E58" s="221"/>
      <c r="F58" s="148"/>
      <c r="G58" s="148"/>
      <c r="H58" s="148"/>
      <c r="I58" s="148"/>
      <c r="J58" s="148"/>
      <c r="K58" s="148"/>
      <c r="L58" s="148"/>
      <c r="M58" s="149"/>
      <c r="N58" s="149"/>
      <c r="O58" s="149"/>
      <c r="P58" s="150"/>
    </row>
    <row r="59" spans="1:22">
      <c r="B59" s="226"/>
      <c r="C59" s="226"/>
      <c r="E59" s="221"/>
      <c r="F59" s="148"/>
      <c r="G59" s="148"/>
      <c r="H59" s="148"/>
      <c r="I59" s="148"/>
      <c r="J59" s="148"/>
      <c r="K59" s="148"/>
      <c r="L59" s="148"/>
      <c r="M59" s="149"/>
      <c r="N59" s="149"/>
      <c r="O59" s="149"/>
      <c r="P59" s="150"/>
    </row>
    <row r="60" spans="1:22">
      <c r="B60" s="226"/>
      <c r="C60" s="226"/>
      <c r="E60" s="221"/>
      <c r="F60" s="148"/>
      <c r="G60" s="148"/>
      <c r="H60" s="148"/>
      <c r="I60" s="148"/>
      <c r="J60" s="148"/>
      <c r="K60" s="148"/>
      <c r="L60" s="148"/>
      <c r="M60" s="149"/>
      <c r="N60" s="149"/>
      <c r="O60" s="149"/>
      <c r="P60" s="150"/>
    </row>
    <row r="61" spans="1:22">
      <c r="B61" s="226"/>
      <c r="C61" s="226"/>
      <c r="E61" s="221"/>
      <c r="F61" s="148"/>
      <c r="G61" s="148"/>
      <c r="H61" s="148"/>
      <c r="I61" s="148"/>
      <c r="J61" s="148"/>
      <c r="K61" s="148"/>
      <c r="L61" s="148"/>
      <c r="M61" s="149"/>
      <c r="N61" s="149"/>
      <c r="O61" s="149"/>
      <c r="P61" s="150"/>
    </row>
    <row r="62" spans="1:22">
      <c r="B62" s="226"/>
      <c r="C62" s="226"/>
      <c r="E62" s="221"/>
      <c r="F62" s="148"/>
      <c r="G62" s="148"/>
      <c r="H62" s="148"/>
      <c r="I62" s="148"/>
      <c r="J62" s="148"/>
      <c r="K62" s="148"/>
      <c r="L62" s="148"/>
      <c r="M62" s="149"/>
      <c r="N62" s="149"/>
      <c r="O62" s="149"/>
      <c r="P62" s="150"/>
    </row>
    <row r="63" spans="1:22">
      <c r="B63" s="226"/>
      <c r="C63" s="226"/>
      <c r="E63" s="221"/>
      <c r="F63" s="148"/>
      <c r="G63" s="148"/>
      <c r="H63" s="148"/>
      <c r="I63" s="148"/>
      <c r="J63" s="148"/>
      <c r="K63" s="148"/>
      <c r="L63" s="148"/>
      <c r="M63" s="149"/>
      <c r="N63" s="149"/>
      <c r="O63" s="149"/>
      <c r="P63" s="150"/>
    </row>
    <row r="64" spans="1:22">
      <c r="B64" s="226"/>
      <c r="C64" s="226"/>
      <c r="E64" s="221"/>
      <c r="F64" s="148"/>
      <c r="G64" s="148"/>
      <c r="H64" s="148"/>
      <c r="I64" s="148"/>
      <c r="J64" s="148"/>
      <c r="K64" s="148"/>
      <c r="L64" s="148"/>
      <c r="M64" s="149"/>
      <c r="N64" s="149"/>
      <c r="O64" s="149"/>
      <c r="P64" s="150"/>
    </row>
    <row r="65" spans="5:16">
      <c r="E65" s="221"/>
      <c r="F65" s="148"/>
      <c r="G65" s="148"/>
      <c r="H65" s="148"/>
      <c r="I65" s="148"/>
      <c r="J65" s="148"/>
      <c r="K65" s="148"/>
      <c r="L65" s="148"/>
      <c r="M65" s="149"/>
      <c r="N65" s="149"/>
      <c r="O65" s="149"/>
      <c r="P65" s="150"/>
    </row>
    <row r="66" spans="5:16">
      <c r="E66" s="221"/>
      <c r="F66" s="221"/>
      <c r="G66" s="221"/>
      <c r="H66" s="221"/>
      <c r="I66" s="221"/>
      <c r="J66" s="221"/>
      <c r="K66" s="221"/>
      <c r="L66" s="221"/>
      <c r="M66" s="149"/>
      <c r="N66" s="149"/>
      <c r="O66" s="149"/>
      <c r="P66" s="150"/>
    </row>
    <row r="67" spans="5:16">
      <c r="E67" s="221"/>
      <c r="F67" s="221"/>
      <c r="G67" s="221"/>
      <c r="H67" s="221"/>
      <c r="I67" s="221"/>
      <c r="J67" s="221"/>
      <c r="K67" s="221"/>
      <c r="L67" s="221"/>
      <c r="M67" s="149"/>
      <c r="N67" s="149"/>
      <c r="O67" s="149"/>
      <c r="P67" s="150"/>
    </row>
    <row r="68" spans="5:16">
      <c r="E68" s="221"/>
      <c r="F68" s="221"/>
      <c r="G68" s="221"/>
      <c r="H68" s="221"/>
      <c r="I68" s="221"/>
      <c r="J68" s="221"/>
      <c r="K68" s="221"/>
      <c r="L68" s="221"/>
      <c r="M68" s="149"/>
      <c r="N68" s="149"/>
      <c r="O68" s="149"/>
      <c r="P68" s="150"/>
    </row>
    <row r="69" spans="5:16">
      <c r="E69" s="221"/>
      <c r="F69" s="221"/>
      <c r="G69" s="221"/>
      <c r="H69" s="221"/>
      <c r="I69" s="221"/>
      <c r="J69" s="221"/>
      <c r="K69" s="221"/>
      <c r="L69" s="221"/>
      <c r="M69" s="149"/>
      <c r="N69" s="149"/>
      <c r="O69" s="149"/>
      <c r="P69" s="221"/>
    </row>
    <row r="70" spans="5:16">
      <c r="E70" s="221"/>
      <c r="F70" s="221"/>
      <c r="G70" s="221"/>
      <c r="H70" s="221"/>
      <c r="I70" s="221"/>
      <c r="J70" s="221"/>
      <c r="K70" s="221"/>
      <c r="L70" s="221"/>
      <c r="M70" s="149"/>
      <c r="N70" s="149"/>
      <c r="O70" s="149"/>
      <c r="P70" s="221"/>
    </row>
    <row r="71" spans="5:16">
      <c r="E71" s="221"/>
      <c r="F71" s="221"/>
      <c r="G71" s="221"/>
      <c r="H71" s="221"/>
      <c r="I71" s="221"/>
      <c r="J71" s="221"/>
      <c r="K71" s="221"/>
      <c r="L71" s="221"/>
      <c r="M71" s="149"/>
      <c r="N71" s="149"/>
      <c r="O71" s="149"/>
      <c r="P71" s="221"/>
    </row>
    <row r="72" spans="5:16">
      <c r="E72" s="221"/>
      <c r="F72" s="221"/>
      <c r="G72" s="221"/>
      <c r="H72" s="221"/>
      <c r="I72" s="221"/>
      <c r="J72" s="221"/>
      <c r="K72" s="221"/>
      <c r="L72" s="221"/>
      <c r="M72" s="149"/>
      <c r="N72" s="149"/>
      <c r="O72" s="149"/>
      <c r="P72" s="221"/>
    </row>
    <row r="73" spans="5:16">
      <c r="E73" s="221"/>
      <c r="F73" s="221"/>
      <c r="G73" s="221"/>
      <c r="H73" s="221"/>
      <c r="I73" s="221"/>
      <c r="J73" s="221"/>
      <c r="K73" s="221"/>
      <c r="L73" s="221"/>
      <c r="M73" s="149"/>
      <c r="N73" s="149"/>
      <c r="O73" s="149"/>
      <c r="P73" s="221"/>
    </row>
    <row r="74" spans="5:16">
      <c r="E74" s="221"/>
      <c r="F74" s="221"/>
      <c r="G74" s="221"/>
      <c r="H74" s="221"/>
      <c r="I74" s="221"/>
      <c r="J74" s="221"/>
      <c r="K74" s="221"/>
      <c r="L74" s="221"/>
      <c r="M74" s="149"/>
      <c r="N74" s="149"/>
      <c r="O74" s="149"/>
      <c r="P74" s="221"/>
    </row>
    <row r="75" spans="5:16">
      <c r="E75" s="221"/>
      <c r="F75" s="221"/>
      <c r="G75" s="221"/>
      <c r="H75" s="221"/>
      <c r="I75" s="221"/>
      <c r="J75" s="221"/>
      <c r="K75" s="221"/>
      <c r="L75" s="221"/>
      <c r="M75" s="149"/>
      <c r="N75" s="149"/>
      <c r="O75" s="149"/>
      <c r="P75" s="221"/>
    </row>
    <row r="76" spans="5:16">
      <c r="E76" s="221"/>
      <c r="F76" s="221"/>
      <c r="G76" s="221"/>
      <c r="H76" s="221"/>
      <c r="I76" s="221"/>
      <c r="J76" s="221"/>
      <c r="K76" s="221"/>
      <c r="L76" s="221"/>
      <c r="M76" s="149"/>
      <c r="N76" s="149"/>
      <c r="O76" s="149"/>
      <c r="P76" s="221"/>
    </row>
    <row r="77" spans="5:16">
      <c r="E77" s="221"/>
      <c r="F77" s="221"/>
      <c r="G77" s="221"/>
      <c r="H77" s="221"/>
      <c r="I77" s="221"/>
      <c r="J77" s="221"/>
      <c r="K77" s="221"/>
      <c r="L77" s="221"/>
      <c r="M77" s="149"/>
      <c r="N77" s="149"/>
      <c r="O77" s="149"/>
      <c r="P77" s="221"/>
    </row>
    <row r="78" spans="5:16">
      <c r="E78" s="221"/>
      <c r="F78" s="221"/>
      <c r="G78" s="221"/>
      <c r="H78" s="221"/>
      <c r="I78" s="221"/>
      <c r="J78" s="221"/>
      <c r="K78" s="221"/>
      <c r="L78" s="221"/>
      <c r="M78" s="149"/>
      <c r="N78" s="149"/>
      <c r="O78" s="149"/>
      <c r="P78" s="221"/>
    </row>
    <row r="79" spans="5:16">
      <c r="E79" s="221"/>
      <c r="F79" s="221"/>
      <c r="G79" s="221"/>
      <c r="H79" s="221"/>
      <c r="I79" s="221"/>
      <c r="J79" s="221"/>
      <c r="K79" s="221"/>
      <c r="L79" s="221"/>
      <c r="M79" s="149"/>
      <c r="N79" s="149"/>
      <c r="O79" s="149"/>
      <c r="P79" s="221"/>
    </row>
    <row r="80" spans="5:16">
      <c r="E80" s="221"/>
      <c r="F80" s="221"/>
      <c r="G80" s="221"/>
      <c r="H80" s="221"/>
      <c r="I80" s="221"/>
      <c r="J80" s="221"/>
      <c r="K80" s="221"/>
      <c r="L80" s="221"/>
      <c r="M80" s="149"/>
      <c r="N80" s="149"/>
      <c r="O80" s="149"/>
      <c r="P80" s="221"/>
    </row>
    <row r="81" spans="5:16">
      <c r="E81" s="221"/>
      <c r="F81" s="221"/>
      <c r="G81" s="221"/>
      <c r="H81" s="221"/>
      <c r="I81" s="221"/>
      <c r="J81" s="221"/>
      <c r="K81" s="221"/>
      <c r="L81" s="221"/>
      <c r="M81" s="149"/>
      <c r="N81" s="149"/>
      <c r="O81" s="149"/>
      <c r="P81" s="221"/>
    </row>
    <row r="82" spans="5:16">
      <c r="E82" s="221"/>
      <c r="F82" s="221"/>
      <c r="G82" s="221"/>
      <c r="H82" s="221"/>
      <c r="I82" s="221"/>
      <c r="J82" s="221"/>
      <c r="K82" s="221"/>
      <c r="L82" s="221"/>
      <c r="M82" s="149"/>
      <c r="N82" s="149"/>
      <c r="O82" s="149"/>
      <c r="P82" s="221"/>
    </row>
    <row r="83" spans="5:16">
      <c r="E83" s="221"/>
      <c r="F83" s="221"/>
      <c r="G83" s="221"/>
      <c r="H83" s="221"/>
      <c r="I83" s="221"/>
      <c r="J83" s="221"/>
      <c r="K83" s="221"/>
      <c r="L83" s="221"/>
      <c r="M83" s="149"/>
      <c r="N83" s="149"/>
      <c r="O83" s="149"/>
      <c r="P83" s="221"/>
    </row>
    <row r="84" spans="5:16">
      <c r="E84" s="221"/>
      <c r="F84" s="221"/>
      <c r="G84" s="221"/>
      <c r="H84" s="221"/>
      <c r="I84" s="221"/>
      <c r="J84" s="221"/>
      <c r="K84" s="221"/>
      <c r="L84" s="221"/>
      <c r="M84" s="149"/>
      <c r="N84" s="149"/>
      <c r="O84" s="149"/>
      <c r="P84" s="221"/>
    </row>
    <row r="85" spans="5:16">
      <c r="E85" s="221"/>
      <c r="F85" s="221"/>
      <c r="G85" s="221"/>
      <c r="H85" s="221"/>
      <c r="I85" s="221"/>
      <c r="J85" s="221"/>
      <c r="K85" s="221"/>
      <c r="L85" s="221"/>
      <c r="M85" s="149"/>
      <c r="N85" s="149"/>
      <c r="O85" s="149"/>
      <c r="P85" s="221"/>
    </row>
    <row r="86" spans="5:16">
      <c r="E86" s="221"/>
      <c r="F86" s="221"/>
      <c r="G86" s="221"/>
      <c r="H86" s="221"/>
      <c r="I86" s="221"/>
      <c r="J86" s="221"/>
      <c r="K86" s="221"/>
      <c r="L86" s="221"/>
      <c r="M86" s="149"/>
      <c r="N86" s="149"/>
      <c r="O86" s="149"/>
      <c r="P86" s="221"/>
    </row>
    <row r="87" spans="5:16">
      <c r="E87" s="221"/>
      <c r="F87" s="221"/>
      <c r="G87" s="221"/>
      <c r="H87" s="221"/>
      <c r="I87" s="221"/>
      <c r="J87" s="221"/>
      <c r="K87" s="221"/>
      <c r="L87" s="221"/>
      <c r="M87" s="149"/>
      <c r="N87" s="149"/>
      <c r="O87" s="149"/>
      <c r="P87" s="221"/>
    </row>
    <row r="88" spans="5:16">
      <c r="E88" s="221"/>
      <c r="F88" s="221"/>
      <c r="G88" s="221"/>
      <c r="H88" s="221"/>
      <c r="I88" s="221"/>
      <c r="J88" s="221"/>
      <c r="K88" s="221"/>
      <c r="L88" s="221"/>
      <c r="M88" s="149"/>
      <c r="N88" s="149"/>
      <c r="O88" s="149"/>
      <c r="P88" s="221"/>
    </row>
    <row r="89" spans="5:16">
      <c r="E89" s="221"/>
      <c r="F89" s="221"/>
      <c r="G89" s="221"/>
      <c r="H89" s="221"/>
      <c r="I89" s="221"/>
      <c r="J89" s="221"/>
      <c r="K89" s="221"/>
      <c r="L89" s="221"/>
      <c r="M89" s="149"/>
      <c r="N89" s="149"/>
      <c r="O89" s="149"/>
      <c r="P89" s="221"/>
    </row>
    <row r="90" spans="5:16">
      <c r="E90" s="221"/>
      <c r="F90" s="221"/>
      <c r="G90" s="221"/>
      <c r="H90" s="221"/>
      <c r="I90" s="221"/>
      <c r="J90" s="221"/>
      <c r="K90" s="221"/>
      <c r="L90" s="221"/>
      <c r="M90" s="149"/>
      <c r="N90" s="149"/>
      <c r="O90" s="149"/>
      <c r="P90" s="221"/>
    </row>
    <row r="91" spans="5:16">
      <c r="E91" s="221"/>
      <c r="F91" s="221"/>
      <c r="G91" s="221"/>
      <c r="H91" s="221"/>
      <c r="I91" s="221"/>
      <c r="J91" s="221"/>
      <c r="K91" s="221"/>
      <c r="L91" s="221"/>
      <c r="M91" s="149"/>
      <c r="N91" s="149"/>
      <c r="O91" s="149"/>
      <c r="P91" s="221"/>
    </row>
    <row r="92" spans="5:16">
      <c r="E92" s="221"/>
      <c r="F92" s="221"/>
      <c r="G92" s="221"/>
      <c r="H92" s="221"/>
      <c r="I92" s="221"/>
      <c r="J92" s="221"/>
      <c r="K92" s="221"/>
      <c r="L92" s="221"/>
      <c r="M92" s="149"/>
      <c r="N92" s="149"/>
      <c r="O92" s="149"/>
      <c r="P92" s="221"/>
    </row>
    <row r="93" spans="5:16">
      <c r="E93" s="221"/>
      <c r="F93" s="221"/>
      <c r="G93" s="221"/>
      <c r="H93" s="221"/>
      <c r="I93" s="221"/>
      <c r="J93" s="221"/>
      <c r="K93" s="221"/>
      <c r="L93" s="221"/>
      <c r="M93" s="149"/>
      <c r="N93" s="149"/>
      <c r="O93" s="149"/>
      <c r="P93" s="221"/>
    </row>
    <row r="94" spans="5:16">
      <c r="E94" s="221"/>
      <c r="F94" s="221"/>
      <c r="G94" s="221"/>
      <c r="H94" s="221"/>
      <c r="I94" s="221"/>
      <c r="J94" s="221"/>
      <c r="K94" s="221"/>
      <c r="L94" s="221"/>
      <c r="M94" s="149"/>
      <c r="N94" s="149"/>
      <c r="O94" s="149"/>
      <c r="P94" s="221"/>
    </row>
    <row r="95" spans="5:16">
      <c r="E95" s="221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5:16">
      <c r="E96" s="221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21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  <row r="151" spans="5:16">
      <c r="E151" s="221"/>
      <c r="F151" s="221"/>
      <c r="G151" s="221"/>
      <c r="H151" s="221"/>
      <c r="I151" s="221"/>
      <c r="J151" s="221"/>
      <c r="K151" s="221"/>
      <c r="L151" s="221"/>
      <c r="M151" s="149"/>
      <c r="N151" s="149"/>
      <c r="O151" s="149"/>
      <c r="P151" s="221"/>
    </row>
    <row r="152" spans="5:16">
      <c r="E152" s="221"/>
      <c r="F152" s="221"/>
      <c r="G152" s="221"/>
      <c r="H152" s="221"/>
      <c r="I152" s="221"/>
      <c r="J152" s="221"/>
      <c r="K152" s="221"/>
      <c r="L152" s="221"/>
      <c r="M152" s="149"/>
      <c r="N152" s="149"/>
      <c r="O152" s="149"/>
      <c r="P152" s="221"/>
    </row>
    <row r="153" spans="5:16">
      <c r="E153" s="221"/>
      <c r="F153" s="221"/>
      <c r="G153" s="221"/>
      <c r="H153" s="221"/>
      <c r="I153" s="221"/>
      <c r="J153" s="221"/>
      <c r="K153" s="221"/>
      <c r="L153" s="221"/>
      <c r="M153" s="149"/>
      <c r="N153" s="149"/>
      <c r="O153" s="149"/>
      <c r="P153" s="221"/>
    </row>
    <row r="154" spans="5:16">
      <c r="E154" s="221"/>
      <c r="F154" s="221"/>
      <c r="G154" s="221"/>
      <c r="H154" s="221"/>
      <c r="I154" s="221"/>
      <c r="J154" s="221"/>
      <c r="K154" s="221"/>
      <c r="L154" s="221"/>
      <c r="M154" s="149"/>
      <c r="N154" s="149"/>
      <c r="O154" s="149"/>
      <c r="P154" s="221"/>
    </row>
    <row r="155" spans="5:16">
      <c r="E155" s="221"/>
      <c r="F155" s="221"/>
      <c r="G155" s="221"/>
      <c r="H155" s="221"/>
      <c r="I155" s="221"/>
      <c r="J155" s="221"/>
      <c r="K155" s="221"/>
      <c r="L155" s="221"/>
      <c r="M155" s="149"/>
      <c r="N155" s="149"/>
      <c r="O155" s="149"/>
      <c r="P155" s="221"/>
    </row>
    <row r="156" spans="5:16">
      <c r="E156" s="221"/>
      <c r="F156" s="221"/>
      <c r="G156" s="221"/>
      <c r="H156" s="221"/>
      <c r="I156" s="221"/>
      <c r="J156" s="221"/>
      <c r="K156" s="221"/>
      <c r="L156" s="221"/>
      <c r="M156" s="149"/>
      <c r="N156" s="149"/>
      <c r="O156" s="149"/>
      <c r="P156" s="221"/>
    </row>
    <row r="157" spans="5:16">
      <c r="E157" s="221"/>
      <c r="F157" s="221"/>
      <c r="G157" s="221"/>
      <c r="H157" s="221"/>
      <c r="I157" s="221"/>
      <c r="J157" s="221"/>
      <c r="K157" s="221"/>
      <c r="L157" s="221"/>
      <c r="M157" s="149"/>
      <c r="N157" s="149"/>
      <c r="O157" s="149"/>
      <c r="P157" s="221"/>
    </row>
    <row r="158" spans="5:16">
      <c r="E158" s="221"/>
      <c r="F158" s="221"/>
      <c r="G158" s="221"/>
      <c r="H158" s="221"/>
      <c r="I158" s="221"/>
      <c r="J158" s="221"/>
      <c r="K158" s="221"/>
      <c r="L158" s="221"/>
      <c r="M158" s="149"/>
      <c r="N158" s="149"/>
      <c r="O158" s="149"/>
      <c r="P158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127"/>
  <sheetViews>
    <sheetView zoomScaleNormal="100" zoomScaleSheetLayoutView="130" workbookViewId="0">
      <pane ySplit="8" topLeftCell="A9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1640625" style="44" customWidth="1"/>
    <col min="7" max="7" width="11.33203125" style="44" customWidth="1"/>
    <col min="8" max="9" width="9.83203125" style="44" customWidth="1"/>
    <col min="10" max="10" width="9.6640625" style="44" customWidth="1"/>
    <col min="11" max="11" width="9.5" style="44" customWidth="1"/>
    <col min="12" max="12" width="9.6640625" style="44" customWidth="1"/>
    <col min="13" max="13" width="10" style="45" customWidth="1"/>
    <col min="14" max="15" width="9.83203125" style="45" customWidth="1"/>
    <col min="16" max="16" width="10.6640625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7" t="s">
        <v>557</v>
      </c>
    </row>
    <row r="6" spans="1:16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16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16" s="15" customFormat="1" ht="3" customHeight="1" thickTop="1">
      <c r="A8" s="188"/>
      <c r="B8" s="189"/>
      <c r="C8" s="189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16" s="219" customFormat="1" ht="18.75" customHeight="1">
      <c r="B9" s="455" t="s">
        <v>92</v>
      </c>
      <c r="C9" s="466"/>
      <c r="D9" s="356"/>
      <c r="E9" s="28"/>
      <c r="F9" s="152">
        <v>71458</v>
      </c>
      <c r="G9" s="152">
        <v>160925</v>
      </c>
      <c r="H9" s="152">
        <v>76983</v>
      </c>
      <c r="I9" s="81">
        <v>83942</v>
      </c>
      <c r="J9" s="346">
        <v>20892</v>
      </c>
      <c r="K9" s="83">
        <v>107586</v>
      </c>
      <c r="L9" s="287">
        <v>31221</v>
      </c>
      <c r="M9" s="347">
        <v>142823</v>
      </c>
      <c r="N9" s="85">
        <v>60328</v>
      </c>
      <c r="O9" s="85">
        <v>16606</v>
      </c>
      <c r="P9" s="86">
        <v>89.4</v>
      </c>
    </row>
    <row r="10" spans="1:16" s="219" customFormat="1" ht="7.9" customHeight="1">
      <c r="B10" s="348"/>
      <c r="C10" s="349"/>
      <c r="D10" s="350"/>
      <c r="E10" s="32"/>
      <c r="F10" s="91"/>
      <c r="G10" s="91"/>
      <c r="H10" s="91"/>
      <c r="I10" s="98"/>
      <c r="J10" s="123"/>
      <c r="K10" s="94"/>
      <c r="L10" s="132"/>
      <c r="M10" s="351"/>
      <c r="N10" s="96"/>
      <c r="O10" s="96"/>
      <c r="P10" s="97"/>
    </row>
    <row r="11" spans="1:16" s="219" customFormat="1" ht="18.75" customHeight="1">
      <c r="B11" s="348" t="s">
        <v>558</v>
      </c>
      <c r="C11" s="349" t="s">
        <v>26</v>
      </c>
      <c r="D11" s="350"/>
      <c r="E11" s="32"/>
      <c r="F11" s="91">
        <v>1511</v>
      </c>
      <c r="G11" s="91">
        <v>3057</v>
      </c>
      <c r="H11" s="91">
        <v>1420</v>
      </c>
      <c r="I11" s="98">
        <v>1637</v>
      </c>
      <c r="J11" s="123">
        <v>387</v>
      </c>
      <c r="K11" s="94">
        <v>2058</v>
      </c>
      <c r="L11" s="132">
        <v>599</v>
      </c>
      <c r="M11" s="351">
        <v>3731</v>
      </c>
      <c r="N11" s="96">
        <v>877</v>
      </c>
      <c r="O11" s="96">
        <v>1584</v>
      </c>
      <c r="P11" s="97">
        <v>122.6</v>
      </c>
    </row>
    <row r="12" spans="1:16" s="219" customFormat="1" ht="18.75" customHeight="1">
      <c r="B12" s="348" t="s">
        <v>123</v>
      </c>
      <c r="C12" s="349" t="s">
        <v>27</v>
      </c>
      <c r="D12" s="350"/>
      <c r="E12" s="32"/>
      <c r="F12" s="91">
        <v>1478</v>
      </c>
      <c r="G12" s="91">
        <v>2616</v>
      </c>
      <c r="H12" s="91">
        <v>1308</v>
      </c>
      <c r="I12" s="98">
        <v>1308</v>
      </c>
      <c r="J12" s="123">
        <v>272</v>
      </c>
      <c r="K12" s="94">
        <v>1862</v>
      </c>
      <c r="L12" s="132">
        <v>481</v>
      </c>
      <c r="M12" s="351">
        <v>2159</v>
      </c>
      <c r="N12" s="96">
        <v>1073</v>
      </c>
      <c r="O12" s="277">
        <v>0</v>
      </c>
      <c r="P12" s="97">
        <v>82.6</v>
      </c>
    </row>
    <row r="13" spans="1:16" s="219" customFormat="1" ht="18.75" customHeight="1">
      <c r="B13" s="348"/>
      <c r="C13" s="349" t="s">
        <v>28</v>
      </c>
      <c r="D13" s="350"/>
      <c r="E13" s="32"/>
      <c r="F13" s="91">
        <v>1588</v>
      </c>
      <c r="G13" s="91">
        <v>3400</v>
      </c>
      <c r="H13" s="91">
        <v>1656</v>
      </c>
      <c r="I13" s="98">
        <v>1744</v>
      </c>
      <c r="J13" s="123">
        <v>380</v>
      </c>
      <c r="K13" s="94">
        <v>2143</v>
      </c>
      <c r="L13" s="132">
        <v>845</v>
      </c>
      <c r="M13" s="351">
        <v>1944</v>
      </c>
      <c r="N13" s="96">
        <v>486</v>
      </c>
      <c r="O13" s="277">
        <v>0</v>
      </c>
      <c r="P13" s="97">
        <v>57.7</v>
      </c>
    </row>
    <row r="14" spans="1:16" s="219" customFormat="1" ht="18.75" customHeight="1">
      <c r="B14" s="348"/>
      <c r="C14" s="349" t="s">
        <v>29</v>
      </c>
      <c r="D14" s="350"/>
      <c r="E14" s="32"/>
      <c r="F14" s="91">
        <v>462</v>
      </c>
      <c r="G14" s="91">
        <v>994</v>
      </c>
      <c r="H14" s="91">
        <v>454</v>
      </c>
      <c r="I14" s="98">
        <v>540</v>
      </c>
      <c r="J14" s="123">
        <v>132</v>
      </c>
      <c r="K14" s="94">
        <v>641</v>
      </c>
      <c r="L14" s="132">
        <v>216</v>
      </c>
      <c r="M14" s="351">
        <v>1136</v>
      </c>
      <c r="N14" s="96">
        <v>271</v>
      </c>
      <c r="O14" s="96">
        <v>418</v>
      </c>
      <c r="P14" s="97">
        <v>114.9</v>
      </c>
    </row>
    <row r="15" spans="1:16" s="219" customFormat="1" ht="18.75" customHeight="1">
      <c r="B15" s="348" t="s">
        <v>559</v>
      </c>
      <c r="C15" s="349" t="s">
        <v>26</v>
      </c>
      <c r="D15" s="350"/>
      <c r="E15" s="32"/>
      <c r="F15" s="91">
        <v>350</v>
      </c>
      <c r="G15" s="91">
        <v>611</v>
      </c>
      <c r="H15" s="91">
        <v>318</v>
      </c>
      <c r="I15" s="98">
        <v>293</v>
      </c>
      <c r="J15" s="123">
        <v>46</v>
      </c>
      <c r="K15" s="94">
        <v>402</v>
      </c>
      <c r="L15" s="132">
        <v>129</v>
      </c>
      <c r="M15" s="351">
        <v>1385</v>
      </c>
      <c r="N15" s="96">
        <v>533</v>
      </c>
      <c r="O15" s="96">
        <v>588</v>
      </c>
      <c r="P15" s="97">
        <v>240</v>
      </c>
    </row>
    <row r="16" spans="1:16" s="219" customFormat="1" ht="18.75" customHeight="1">
      <c r="B16" s="348"/>
      <c r="C16" s="349" t="s">
        <v>27</v>
      </c>
      <c r="D16" s="350"/>
      <c r="E16" s="32"/>
      <c r="F16" s="91">
        <v>1405</v>
      </c>
      <c r="G16" s="91">
        <v>2510</v>
      </c>
      <c r="H16" s="91">
        <v>1173</v>
      </c>
      <c r="I16" s="98">
        <v>1337</v>
      </c>
      <c r="J16" s="123">
        <v>296</v>
      </c>
      <c r="K16" s="94">
        <v>1871</v>
      </c>
      <c r="L16" s="132">
        <v>328</v>
      </c>
      <c r="M16" s="351">
        <v>2136</v>
      </c>
      <c r="N16" s="96">
        <v>1283</v>
      </c>
      <c r="O16" s="277">
        <v>0</v>
      </c>
      <c r="P16" s="97">
        <v>85.6</v>
      </c>
    </row>
    <row r="17" spans="2:16" s="219" customFormat="1" ht="18.75" customHeight="1">
      <c r="B17" s="348"/>
      <c r="C17" s="349" t="s">
        <v>28</v>
      </c>
      <c r="D17" s="350"/>
      <c r="E17" s="32"/>
      <c r="F17" s="91">
        <v>717</v>
      </c>
      <c r="G17" s="91">
        <v>1559</v>
      </c>
      <c r="H17" s="91">
        <v>737</v>
      </c>
      <c r="I17" s="98">
        <v>822</v>
      </c>
      <c r="J17" s="123">
        <v>260</v>
      </c>
      <c r="K17" s="94">
        <v>1075</v>
      </c>
      <c r="L17" s="132">
        <v>224</v>
      </c>
      <c r="M17" s="351">
        <v>1254</v>
      </c>
      <c r="N17" s="96">
        <v>723</v>
      </c>
      <c r="O17" s="277">
        <v>0</v>
      </c>
      <c r="P17" s="97">
        <v>80.400000000000006</v>
      </c>
    </row>
    <row r="18" spans="2:16" s="219" customFormat="1" ht="18.75" customHeight="1">
      <c r="B18" s="348"/>
      <c r="C18" s="349" t="s">
        <v>29</v>
      </c>
      <c r="D18" s="350"/>
      <c r="E18" s="32"/>
      <c r="F18" s="91">
        <v>1521</v>
      </c>
      <c r="G18" s="91">
        <v>3177</v>
      </c>
      <c r="H18" s="91">
        <v>1528</v>
      </c>
      <c r="I18" s="98">
        <v>1649</v>
      </c>
      <c r="J18" s="123">
        <v>346</v>
      </c>
      <c r="K18" s="94">
        <v>2080</v>
      </c>
      <c r="L18" s="132">
        <v>710</v>
      </c>
      <c r="M18" s="351">
        <v>2090</v>
      </c>
      <c r="N18" s="96">
        <v>716</v>
      </c>
      <c r="O18" s="277">
        <v>0</v>
      </c>
      <c r="P18" s="97">
        <v>66.599999999999994</v>
      </c>
    </row>
    <row r="19" spans="2:16" s="219" customFormat="1" ht="18.75" customHeight="1">
      <c r="B19" s="348"/>
      <c r="C19" s="349" t="s">
        <v>30</v>
      </c>
      <c r="D19" s="350"/>
      <c r="E19" s="32"/>
      <c r="F19" s="91">
        <v>848</v>
      </c>
      <c r="G19" s="91">
        <v>1633</v>
      </c>
      <c r="H19" s="91">
        <v>781</v>
      </c>
      <c r="I19" s="98">
        <v>852</v>
      </c>
      <c r="J19" s="123">
        <v>128</v>
      </c>
      <c r="K19" s="94">
        <v>1056</v>
      </c>
      <c r="L19" s="132">
        <v>444</v>
      </c>
      <c r="M19" s="351">
        <v>1450</v>
      </c>
      <c r="N19" s="96">
        <v>633</v>
      </c>
      <c r="O19" s="277">
        <v>0</v>
      </c>
      <c r="P19" s="97">
        <v>89.1</v>
      </c>
    </row>
    <row r="20" spans="2:16" s="219" customFormat="1" ht="18.75" customHeight="1">
      <c r="B20" s="348" t="s">
        <v>58</v>
      </c>
      <c r="C20" s="349" t="s">
        <v>26</v>
      </c>
      <c r="D20" s="350"/>
      <c r="E20" s="32"/>
      <c r="F20" s="91">
        <v>1190</v>
      </c>
      <c r="G20" s="91">
        <v>2337</v>
      </c>
      <c r="H20" s="91">
        <v>1098</v>
      </c>
      <c r="I20" s="98">
        <v>1239</v>
      </c>
      <c r="J20" s="123">
        <v>248</v>
      </c>
      <c r="K20" s="94">
        <v>1707</v>
      </c>
      <c r="L20" s="132">
        <v>382</v>
      </c>
      <c r="M20" s="351">
        <v>2969</v>
      </c>
      <c r="N20" s="96">
        <v>1984</v>
      </c>
      <c r="O20" s="277">
        <v>0</v>
      </c>
      <c r="P20" s="97">
        <v>127</v>
      </c>
    </row>
    <row r="21" spans="2:16" s="219" customFormat="1" ht="18.75" customHeight="1">
      <c r="B21" s="348"/>
      <c r="C21" s="349" t="s">
        <v>27</v>
      </c>
      <c r="D21" s="350"/>
      <c r="E21" s="32"/>
      <c r="F21" s="91">
        <v>1538</v>
      </c>
      <c r="G21" s="91">
        <v>3791</v>
      </c>
      <c r="H21" s="91">
        <v>1813</v>
      </c>
      <c r="I21" s="98">
        <v>1978</v>
      </c>
      <c r="J21" s="123">
        <v>704</v>
      </c>
      <c r="K21" s="94">
        <v>2769</v>
      </c>
      <c r="L21" s="132">
        <v>316</v>
      </c>
      <c r="M21" s="351">
        <v>2125</v>
      </c>
      <c r="N21" s="96">
        <v>837</v>
      </c>
      <c r="O21" s="277">
        <v>0</v>
      </c>
      <c r="P21" s="97">
        <v>56.1</v>
      </c>
    </row>
    <row r="22" spans="2:16" s="219" customFormat="1" ht="18.75" customHeight="1">
      <c r="B22" s="348"/>
      <c r="C22" s="349" t="s">
        <v>28</v>
      </c>
      <c r="D22" s="350"/>
      <c r="E22" s="32"/>
      <c r="F22" s="91">
        <v>961</v>
      </c>
      <c r="G22" s="91">
        <v>1974</v>
      </c>
      <c r="H22" s="91">
        <v>880</v>
      </c>
      <c r="I22" s="98">
        <v>1094</v>
      </c>
      <c r="J22" s="123">
        <v>203</v>
      </c>
      <c r="K22" s="94">
        <v>1359</v>
      </c>
      <c r="L22" s="132">
        <v>376</v>
      </c>
      <c r="M22" s="351">
        <v>2451</v>
      </c>
      <c r="N22" s="96">
        <v>951</v>
      </c>
      <c r="O22" s="96">
        <v>572</v>
      </c>
      <c r="P22" s="97">
        <v>126.5</v>
      </c>
    </row>
    <row r="23" spans="2:16" s="219" customFormat="1" ht="18.75" customHeight="1">
      <c r="B23" s="348" t="s">
        <v>560</v>
      </c>
      <c r="C23" s="349" t="s">
        <v>26</v>
      </c>
      <c r="D23" s="350"/>
      <c r="E23" s="32"/>
      <c r="F23" s="91">
        <v>1276</v>
      </c>
      <c r="G23" s="91">
        <v>2956</v>
      </c>
      <c r="H23" s="91">
        <v>1424</v>
      </c>
      <c r="I23" s="98">
        <v>1532</v>
      </c>
      <c r="J23" s="123">
        <v>452</v>
      </c>
      <c r="K23" s="94">
        <v>1980</v>
      </c>
      <c r="L23" s="132">
        <v>470</v>
      </c>
      <c r="M23" s="351">
        <v>3082</v>
      </c>
      <c r="N23" s="96">
        <v>1933</v>
      </c>
      <c r="O23" s="277">
        <v>0</v>
      </c>
      <c r="P23" s="97">
        <v>106.2</v>
      </c>
    </row>
    <row r="24" spans="2:16" s="219" customFormat="1" ht="18.75" customHeight="1">
      <c r="B24" s="348"/>
      <c r="C24" s="349" t="s">
        <v>27</v>
      </c>
      <c r="D24" s="350"/>
      <c r="E24" s="32"/>
      <c r="F24" s="91">
        <v>1943</v>
      </c>
      <c r="G24" s="91">
        <v>4656</v>
      </c>
      <c r="H24" s="91">
        <v>2275</v>
      </c>
      <c r="I24" s="98">
        <v>2381</v>
      </c>
      <c r="J24" s="123">
        <v>639</v>
      </c>
      <c r="K24" s="94">
        <v>3086</v>
      </c>
      <c r="L24" s="132">
        <v>920</v>
      </c>
      <c r="M24" s="351">
        <v>2678</v>
      </c>
      <c r="N24" s="96">
        <v>656</v>
      </c>
      <c r="O24" s="277">
        <v>0</v>
      </c>
      <c r="P24" s="97">
        <v>57.7</v>
      </c>
    </row>
    <row r="25" spans="2:16" s="219" customFormat="1" ht="18.75" customHeight="1">
      <c r="B25" s="348"/>
      <c r="C25" s="349" t="s">
        <v>28</v>
      </c>
      <c r="D25" s="350"/>
      <c r="E25" s="32"/>
      <c r="F25" s="91">
        <v>1176</v>
      </c>
      <c r="G25" s="91">
        <v>2601</v>
      </c>
      <c r="H25" s="91">
        <v>1259</v>
      </c>
      <c r="I25" s="98">
        <v>1342</v>
      </c>
      <c r="J25" s="123">
        <v>398</v>
      </c>
      <c r="K25" s="94">
        <v>1761</v>
      </c>
      <c r="L25" s="132">
        <v>427</v>
      </c>
      <c r="M25" s="351">
        <v>1973</v>
      </c>
      <c r="N25" s="96">
        <v>962</v>
      </c>
      <c r="O25" s="277">
        <v>0</v>
      </c>
      <c r="P25" s="97">
        <v>76.3</v>
      </c>
    </row>
    <row r="26" spans="2:16" s="219" customFormat="1" ht="18.75" customHeight="1">
      <c r="B26" s="348"/>
      <c r="C26" s="349" t="s">
        <v>29</v>
      </c>
      <c r="D26" s="350"/>
      <c r="E26" s="32"/>
      <c r="F26" s="91">
        <v>1291</v>
      </c>
      <c r="G26" s="91">
        <v>3007</v>
      </c>
      <c r="H26" s="91">
        <v>1396</v>
      </c>
      <c r="I26" s="98">
        <v>1611</v>
      </c>
      <c r="J26" s="123">
        <v>339</v>
      </c>
      <c r="K26" s="94">
        <v>1950</v>
      </c>
      <c r="L26" s="132">
        <v>707</v>
      </c>
      <c r="M26" s="351">
        <v>2639</v>
      </c>
      <c r="N26" s="96">
        <v>1021</v>
      </c>
      <c r="O26" s="96">
        <v>433</v>
      </c>
      <c r="P26" s="97">
        <v>88.1</v>
      </c>
    </row>
    <row r="27" spans="2:16" s="219" customFormat="1" ht="18.75" customHeight="1">
      <c r="B27" s="348"/>
      <c r="C27" s="349" t="s">
        <v>30</v>
      </c>
      <c r="D27" s="350"/>
      <c r="E27" s="32"/>
      <c r="F27" s="91">
        <v>1394</v>
      </c>
      <c r="G27" s="91">
        <v>2769</v>
      </c>
      <c r="H27" s="91">
        <v>1318</v>
      </c>
      <c r="I27" s="98">
        <v>1451</v>
      </c>
      <c r="J27" s="123">
        <v>336</v>
      </c>
      <c r="K27" s="94">
        <v>1897</v>
      </c>
      <c r="L27" s="132">
        <v>490</v>
      </c>
      <c r="M27" s="351">
        <v>2897</v>
      </c>
      <c r="N27" s="96">
        <v>1854</v>
      </c>
      <c r="O27" s="277">
        <v>0</v>
      </c>
      <c r="P27" s="97">
        <v>106.4</v>
      </c>
    </row>
    <row r="28" spans="2:16" s="219" customFormat="1" ht="18.75" customHeight="1">
      <c r="B28" s="348"/>
      <c r="C28" s="349" t="s">
        <v>31</v>
      </c>
      <c r="D28" s="350"/>
      <c r="E28" s="32"/>
      <c r="F28" s="91">
        <v>1462</v>
      </c>
      <c r="G28" s="91">
        <v>3299</v>
      </c>
      <c r="H28" s="91">
        <v>1593</v>
      </c>
      <c r="I28" s="98">
        <v>1706</v>
      </c>
      <c r="J28" s="123">
        <v>474</v>
      </c>
      <c r="K28" s="94">
        <v>2318</v>
      </c>
      <c r="L28" s="132">
        <v>479</v>
      </c>
      <c r="M28" s="351">
        <v>3187</v>
      </c>
      <c r="N28" s="96">
        <v>1540</v>
      </c>
      <c r="O28" s="96">
        <v>383</v>
      </c>
      <c r="P28" s="97">
        <v>97.4</v>
      </c>
    </row>
    <row r="29" spans="2:16" s="219" customFormat="1" ht="18.75" customHeight="1">
      <c r="B29" s="348" t="s">
        <v>561</v>
      </c>
      <c r="C29" s="349" t="s">
        <v>26</v>
      </c>
      <c r="D29" s="350"/>
      <c r="E29" s="32"/>
      <c r="F29" s="91">
        <v>993</v>
      </c>
      <c r="G29" s="91">
        <v>2540</v>
      </c>
      <c r="H29" s="91">
        <v>1201</v>
      </c>
      <c r="I29" s="98">
        <v>1339</v>
      </c>
      <c r="J29" s="123">
        <v>324</v>
      </c>
      <c r="K29" s="94">
        <v>1478</v>
      </c>
      <c r="L29" s="132">
        <v>732</v>
      </c>
      <c r="M29" s="351">
        <v>6046</v>
      </c>
      <c r="N29" s="96">
        <v>1958</v>
      </c>
      <c r="O29" s="96">
        <v>2886</v>
      </c>
      <c r="P29" s="97">
        <v>238.6</v>
      </c>
    </row>
    <row r="30" spans="2:16" s="219" customFormat="1" ht="18.75" customHeight="1">
      <c r="B30" s="348"/>
      <c r="C30" s="349" t="s">
        <v>27</v>
      </c>
      <c r="D30" s="350"/>
      <c r="E30" s="32"/>
      <c r="F30" s="91">
        <v>1179</v>
      </c>
      <c r="G30" s="91">
        <v>2497</v>
      </c>
      <c r="H30" s="91">
        <v>1125</v>
      </c>
      <c r="I30" s="98">
        <v>1372</v>
      </c>
      <c r="J30" s="123">
        <v>245</v>
      </c>
      <c r="K30" s="94">
        <v>1439</v>
      </c>
      <c r="L30" s="132">
        <v>796</v>
      </c>
      <c r="M30" s="351">
        <v>4476</v>
      </c>
      <c r="N30" s="96">
        <v>558</v>
      </c>
      <c r="O30" s="96">
        <v>2686</v>
      </c>
      <c r="P30" s="97">
        <v>180.5</v>
      </c>
    </row>
    <row r="31" spans="2:16" s="219" customFormat="1" ht="18.75" customHeight="1">
      <c r="B31" s="348"/>
      <c r="C31" s="349" t="s">
        <v>28</v>
      </c>
      <c r="D31" s="350"/>
      <c r="E31" s="32"/>
      <c r="F31" s="91">
        <v>2170</v>
      </c>
      <c r="G31" s="91">
        <v>5439</v>
      </c>
      <c r="H31" s="91">
        <v>2589</v>
      </c>
      <c r="I31" s="98">
        <v>2850</v>
      </c>
      <c r="J31" s="123">
        <v>824</v>
      </c>
      <c r="K31" s="94">
        <v>3683</v>
      </c>
      <c r="L31" s="132">
        <v>883</v>
      </c>
      <c r="M31" s="351">
        <v>2653</v>
      </c>
      <c r="N31" s="96">
        <v>640</v>
      </c>
      <c r="O31" s="277">
        <v>0</v>
      </c>
      <c r="P31" s="97">
        <v>49.2</v>
      </c>
    </row>
    <row r="32" spans="2:16" s="219" customFormat="1" ht="18.75" customHeight="1">
      <c r="B32" s="348" t="s">
        <v>562</v>
      </c>
      <c r="C32" s="349" t="s">
        <v>26</v>
      </c>
      <c r="D32" s="350"/>
      <c r="E32" s="32"/>
      <c r="F32" s="91">
        <v>1326</v>
      </c>
      <c r="G32" s="91">
        <v>2839</v>
      </c>
      <c r="H32" s="91">
        <v>1319</v>
      </c>
      <c r="I32" s="98">
        <v>1520</v>
      </c>
      <c r="J32" s="123">
        <v>329</v>
      </c>
      <c r="K32" s="94">
        <v>1946</v>
      </c>
      <c r="L32" s="132">
        <v>531</v>
      </c>
      <c r="M32" s="351">
        <v>3315</v>
      </c>
      <c r="N32" s="96">
        <v>1775</v>
      </c>
      <c r="O32" s="96">
        <v>348</v>
      </c>
      <c r="P32" s="97">
        <v>118.1</v>
      </c>
    </row>
    <row r="33" spans="1:17" s="219" customFormat="1" ht="18.75" customHeight="1">
      <c r="B33" s="348"/>
      <c r="C33" s="349" t="s">
        <v>27</v>
      </c>
      <c r="D33" s="350"/>
      <c r="E33" s="32"/>
      <c r="F33" s="91">
        <v>1088</v>
      </c>
      <c r="G33" s="91">
        <v>2627</v>
      </c>
      <c r="H33" s="91">
        <v>1234</v>
      </c>
      <c r="I33" s="98">
        <v>1393</v>
      </c>
      <c r="J33" s="123">
        <v>339</v>
      </c>
      <c r="K33" s="94">
        <v>1647</v>
      </c>
      <c r="L33" s="132">
        <v>590</v>
      </c>
      <c r="M33" s="351">
        <v>3403</v>
      </c>
      <c r="N33" s="96">
        <v>2080</v>
      </c>
      <c r="O33" s="96">
        <v>193</v>
      </c>
      <c r="P33" s="97">
        <v>132.1</v>
      </c>
    </row>
    <row r="34" spans="1:17" s="219" customFormat="1" ht="18.75" customHeight="1">
      <c r="B34" s="348"/>
      <c r="C34" s="349" t="s">
        <v>28</v>
      </c>
      <c r="D34" s="350"/>
      <c r="E34" s="32"/>
      <c r="F34" s="91">
        <v>1421</v>
      </c>
      <c r="G34" s="91">
        <v>3229</v>
      </c>
      <c r="H34" s="91">
        <v>1511</v>
      </c>
      <c r="I34" s="98">
        <v>1718</v>
      </c>
      <c r="J34" s="123">
        <v>440</v>
      </c>
      <c r="K34" s="94">
        <v>2145</v>
      </c>
      <c r="L34" s="132">
        <v>638</v>
      </c>
      <c r="M34" s="351">
        <v>2651</v>
      </c>
      <c r="N34" s="96">
        <v>1279</v>
      </c>
      <c r="O34" s="277">
        <v>0</v>
      </c>
      <c r="P34" s="97">
        <v>82.3</v>
      </c>
    </row>
    <row r="35" spans="1:17" s="219" customFormat="1" ht="18.75" customHeight="1">
      <c r="B35" s="348" t="s">
        <v>563</v>
      </c>
      <c r="C35" s="349" t="s">
        <v>26</v>
      </c>
      <c r="D35" s="350"/>
      <c r="E35" s="32"/>
      <c r="F35" s="91">
        <v>902</v>
      </c>
      <c r="G35" s="91">
        <v>2083</v>
      </c>
      <c r="H35" s="91">
        <v>1007</v>
      </c>
      <c r="I35" s="98">
        <v>1076</v>
      </c>
      <c r="J35" s="123">
        <v>331</v>
      </c>
      <c r="K35" s="94">
        <v>1389</v>
      </c>
      <c r="L35" s="132">
        <v>345</v>
      </c>
      <c r="M35" s="351">
        <v>1933</v>
      </c>
      <c r="N35" s="96">
        <v>1121</v>
      </c>
      <c r="O35" s="277">
        <v>0</v>
      </c>
      <c r="P35" s="97">
        <v>93.6</v>
      </c>
    </row>
    <row r="36" spans="1:17" s="219" customFormat="1" ht="18.75" customHeight="1">
      <c r="B36" s="348"/>
      <c r="C36" s="349" t="s">
        <v>27</v>
      </c>
      <c r="D36" s="350"/>
      <c r="E36" s="32"/>
      <c r="F36" s="91">
        <v>1078</v>
      </c>
      <c r="G36" s="91">
        <v>2631</v>
      </c>
      <c r="H36" s="91">
        <v>1255</v>
      </c>
      <c r="I36" s="98">
        <v>1376</v>
      </c>
      <c r="J36" s="123">
        <v>370</v>
      </c>
      <c r="K36" s="94">
        <v>1845</v>
      </c>
      <c r="L36" s="132">
        <v>401</v>
      </c>
      <c r="M36" s="351">
        <v>1652</v>
      </c>
      <c r="N36" s="96">
        <v>609</v>
      </c>
      <c r="O36" s="277">
        <v>0</v>
      </c>
      <c r="P36" s="97">
        <v>63.1</v>
      </c>
    </row>
    <row r="37" spans="1:17" s="219" customFormat="1" ht="18.75" customHeight="1">
      <c r="B37" s="348"/>
      <c r="C37" s="349" t="s">
        <v>28</v>
      </c>
      <c r="D37" s="350"/>
      <c r="E37" s="32"/>
      <c r="F37" s="91">
        <v>764</v>
      </c>
      <c r="G37" s="91">
        <v>1702</v>
      </c>
      <c r="H37" s="91">
        <v>761</v>
      </c>
      <c r="I37" s="98">
        <v>941</v>
      </c>
      <c r="J37" s="123">
        <v>211</v>
      </c>
      <c r="K37" s="94">
        <v>1060</v>
      </c>
      <c r="L37" s="132">
        <v>420</v>
      </c>
      <c r="M37" s="351">
        <v>2077</v>
      </c>
      <c r="N37" s="96">
        <v>885</v>
      </c>
      <c r="O37" s="96">
        <v>455</v>
      </c>
      <c r="P37" s="97">
        <v>122.8</v>
      </c>
    </row>
    <row r="38" spans="1:17" s="219" customFormat="1" ht="18.75" customHeight="1">
      <c r="B38" s="348"/>
      <c r="C38" s="349" t="s">
        <v>29</v>
      </c>
      <c r="D38" s="350"/>
      <c r="E38" s="32"/>
      <c r="F38" s="91">
        <v>508</v>
      </c>
      <c r="G38" s="91">
        <v>996</v>
      </c>
      <c r="H38" s="91">
        <v>473</v>
      </c>
      <c r="I38" s="98">
        <v>523</v>
      </c>
      <c r="J38" s="123">
        <v>95</v>
      </c>
      <c r="K38" s="94">
        <v>700</v>
      </c>
      <c r="L38" s="132">
        <v>184</v>
      </c>
      <c r="M38" s="351">
        <v>1200</v>
      </c>
      <c r="N38" s="96">
        <v>500</v>
      </c>
      <c r="O38" s="96">
        <v>316</v>
      </c>
      <c r="P38" s="97">
        <v>122.6</v>
      </c>
    </row>
    <row r="39" spans="1:17" s="219" customFormat="1" ht="18.75" customHeight="1">
      <c r="B39" s="348"/>
      <c r="C39" s="349" t="s">
        <v>30</v>
      </c>
      <c r="D39" s="350"/>
      <c r="E39" s="32"/>
      <c r="F39" s="91">
        <v>869</v>
      </c>
      <c r="G39" s="91">
        <v>1844</v>
      </c>
      <c r="H39" s="91">
        <v>904</v>
      </c>
      <c r="I39" s="98">
        <v>940</v>
      </c>
      <c r="J39" s="123">
        <v>217</v>
      </c>
      <c r="K39" s="94">
        <v>1198</v>
      </c>
      <c r="L39" s="132">
        <v>375</v>
      </c>
      <c r="M39" s="351">
        <v>1227</v>
      </c>
      <c r="N39" s="96">
        <v>490</v>
      </c>
      <c r="O39" s="277">
        <v>0</v>
      </c>
      <c r="P39" s="97">
        <v>68.5</v>
      </c>
    </row>
    <row r="40" spans="1:17" s="219" customFormat="1" ht="18.75" customHeight="1">
      <c r="B40" s="348"/>
      <c r="C40" s="349" t="s">
        <v>31</v>
      </c>
      <c r="D40" s="350"/>
      <c r="E40" s="32"/>
      <c r="F40" s="91">
        <v>532</v>
      </c>
      <c r="G40" s="91">
        <v>1253</v>
      </c>
      <c r="H40" s="91">
        <v>640</v>
      </c>
      <c r="I40" s="98">
        <v>613</v>
      </c>
      <c r="J40" s="123">
        <v>227</v>
      </c>
      <c r="K40" s="94">
        <v>911</v>
      </c>
      <c r="L40" s="132">
        <v>101</v>
      </c>
      <c r="M40" s="351">
        <v>865</v>
      </c>
      <c r="N40" s="96">
        <v>400</v>
      </c>
      <c r="O40" s="277">
        <v>0</v>
      </c>
      <c r="P40" s="97">
        <v>69.8</v>
      </c>
    </row>
    <row r="41" spans="1:17" s="219" customFormat="1" ht="18.75" customHeight="1">
      <c r="B41" s="348" t="s">
        <v>564</v>
      </c>
      <c r="C41" s="349" t="s">
        <v>26</v>
      </c>
      <c r="D41" s="350"/>
      <c r="E41" s="32"/>
      <c r="F41" s="91">
        <v>228</v>
      </c>
      <c r="G41" s="91">
        <v>514</v>
      </c>
      <c r="H41" s="91">
        <v>236</v>
      </c>
      <c r="I41" s="98">
        <v>278</v>
      </c>
      <c r="J41" s="123">
        <v>44</v>
      </c>
      <c r="K41" s="94">
        <v>309</v>
      </c>
      <c r="L41" s="132">
        <v>156</v>
      </c>
      <c r="M41" s="351">
        <v>405</v>
      </c>
      <c r="N41" s="96">
        <v>166</v>
      </c>
      <c r="O41" s="277">
        <v>0</v>
      </c>
      <c r="P41" s="97">
        <v>79.599999999999994</v>
      </c>
    </row>
    <row r="42" spans="1:17" s="219" customFormat="1" ht="18.75" customHeight="1">
      <c r="B42" s="348"/>
      <c r="C42" s="349" t="s">
        <v>27</v>
      </c>
      <c r="D42" s="350"/>
      <c r="E42" s="32"/>
      <c r="F42" s="91">
        <v>768</v>
      </c>
      <c r="G42" s="91">
        <v>1856</v>
      </c>
      <c r="H42" s="91">
        <v>882</v>
      </c>
      <c r="I42" s="98">
        <v>974</v>
      </c>
      <c r="J42" s="123">
        <v>195</v>
      </c>
      <c r="K42" s="94">
        <v>1120</v>
      </c>
      <c r="L42" s="132">
        <v>535</v>
      </c>
      <c r="M42" s="351">
        <v>1455</v>
      </c>
      <c r="N42" s="96">
        <v>325</v>
      </c>
      <c r="O42" s="96">
        <v>279</v>
      </c>
      <c r="P42" s="97">
        <v>78.599999999999994</v>
      </c>
    </row>
    <row r="43" spans="1:17" s="219" customFormat="1" ht="18.75" customHeight="1">
      <c r="B43" s="348"/>
      <c r="C43" s="349" t="s">
        <v>28</v>
      </c>
      <c r="D43" s="350"/>
      <c r="E43" s="32"/>
      <c r="F43" s="91">
        <v>120</v>
      </c>
      <c r="G43" s="91">
        <v>280</v>
      </c>
      <c r="H43" s="91">
        <v>139</v>
      </c>
      <c r="I43" s="98">
        <v>141</v>
      </c>
      <c r="J43" s="123">
        <v>39</v>
      </c>
      <c r="K43" s="94">
        <v>213</v>
      </c>
      <c r="L43" s="132">
        <v>28</v>
      </c>
      <c r="M43" s="351">
        <v>667</v>
      </c>
      <c r="N43" s="96">
        <v>589</v>
      </c>
      <c r="O43" s="277">
        <v>0</v>
      </c>
      <c r="P43" s="109">
        <v>238.2</v>
      </c>
    </row>
    <row r="44" spans="1:17" s="219" customFormat="1" ht="18" customHeight="1">
      <c r="B44" s="348"/>
      <c r="C44" s="349" t="s">
        <v>29</v>
      </c>
      <c r="D44" s="350"/>
      <c r="E44" s="32"/>
      <c r="F44" s="91">
        <v>1909</v>
      </c>
      <c r="G44" s="91">
        <v>4466</v>
      </c>
      <c r="H44" s="91">
        <v>2023</v>
      </c>
      <c r="I44" s="98">
        <v>2443</v>
      </c>
      <c r="J44" s="123">
        <v>440</v>
      </c>
      <c r="K44" s="94">
        <v>2931</v>
      </c>
      <c r="L44" s="132">
        <v>1092</v>
      </c>
      <c r="M44" s="351">
        <v>2205</v>
      </c>
      <c r="N44" s="96">
        <v>150</v>
      </c>
      <c r="O44" s="277">
        <v>0</v>
      </c>
      <c r="P44" s="97">
        <v>49.4</v>
      </c>
    </row>
    <row r="45" spans="1:17" s="219" customFormat="1" ht="18" customHeight="1">
      <c r="B45" s="348" t="s">
        <v>565</v>
      </c>
      <c r="C45" s="349" t="s">
        <v>26</v>
      </c>
      <c r="D45" s="350"/>
      <c r="E45" s="32"/>
      <c r="F45" s="91">
        <v>518</v>
      </c>
      <c r="G45" s="91">
        <v>901</v>
      </c>
      <c r="H45" s="91">
        <v>473</v>
      </c>
      <c r="I45" s="98">
        <v>428</v>
      </c>
      <c r="J45" s="123">
        <v>51</v>
      </c>
      <c r="K45" s="94">
        <v>594</v>
      </c>
      <c r="L45" s="132">
        <v>213</v>
      </c>
      <c r="M45" s="351">
        <v>798</v>
      </c>
      <c r="N45" s="96">
        <v>417</v>
      </c>
      <c r="O45" s="277">
        <v>0</v>
      </c>
      <c r="P45" s="97">
        <v>93</v>
      </c>
    </row>
    <row r="46" spans="1:17" s="219" customFormat="1" ht="18" customHeight="1">
      <c r="B46" s="348"/>
      <c r="C46" s="349" t="s">
        <v>27</v>
      </c>
      <c r="D46" s="350"/>
      <c r="E46" s="32"/>
      <c r="F46" s="91">
        <v>682</v>
      </c>
      <c r="G46" s="91">
        <v>1221</v>
      </c>
      <c r="H46" s="91">
        <v>614</v>
      </c>
      <c r="I46" s="98">
        <v>607</v>
      </c>
      <c r="J46" s="123">
        <v>93</v>
      </c>
      <c r="K46" s="94">
        <v>867</v>
      </c>
      <c r="L46" s="132">
        <v>204</v>
      </c>
      <c r="M46" s="351">
        <v>1339</v>
      </c>
      <c r="N46" s="96">
        <v>696</v>
      </c>
      <c r="O46" s="277">
        <v>0</v>
      </c>
      <c r="P46" s="97">
        <v>115</v>
      </c>
    </row>
    <row r="47" spans="1:17" s="219" customFormat="1" ht="16.5" customHeight="1">
      <c r="A47" s="220"/>
      <c r="B47" s="352"/>
      <c r="C47" s="353" t="s">
        <v>28</v>
      </c>
      <c r="D47" s="354"/>
      <c r="E47" s="40"/>
      <c r="F47" s="115">
        <v>576</v>
      </c>
      <c r="G47" s="115">
        <v>1245</v>
      </c>
      <c r="H47" s="115">
        <v>572</v>
      </c>
      <c r="I47" s="114">
        <v>673</v>
      </c>
      <c r="J47" s="127">
        <v>127</v>
      </c>
      <c r="K47" s="118">
        <v>783</v>
      </c>
      <c r="L47" s="276">
        <v>335</v>
      </c>
      <c r="M47" s="355">
        <v>841</v>
      </c>
      <c r="N47" s="120">
        <v>301</v>
      </c>
      <c r="O47" s="280">
        <v>0</v>
      </c>
      <c r="P47" s="122">
        <v>67.599999999999994</v>
      </c>
    </row>
    <row r="48" spans="1:17" s="219" customFormat="1" ht="18" customHeight="1">
      <c r="B48" s="348" t="s">
        <v>566</v>
      </c>
      <c r="C48" s="349" t="s">
        <v>29</v>
      </c>
      <c r="D48" s="350"/>
      <c r="E48" s="32"/>
      <c r="F48" s="91">
        <v>638</v>
      </c>
      <c r="G48" s="91">
        <v>1465</v>
      </c>
      <c r="H48" s="91">
        <v>674</v>
      </c>
      <c r="I48" s="98">
        <v>791</v>
      </c>
      <c r="J48" s="123">
        <v>130</v>
      </c>
      <c r="K48" s="94">
        <v>892</v>
      </c>
      <c r="L48" s="132">
        <v>425</v>
      </c>
      <c r="M48" s="351">
        <v>1219</v>
      </c>
      <c r="N48" s="96">
        <v>550</v>
      </c>
      <c r="O48" s="277">
        <v>0</v>
      </c>
      <c r="P48" s="97">
        <v>84.2</v>
      </c>
      <c r="Q48" s="44"/>
    </row>
    <row r="49" spans="2:17" s="219" customFormat="1" ht="18" customHeight="1">
      <c r="B49" s="348" t="s">
        <v>567</v>
      </c>
      <c r="C49" s="349" t="s">
        <v>26</v>
      </c>
      <c r="D49" s="350"/>
      <c r="E49" s="32"/>
      <c r="F49" s="91">
        <v>1124</v>
      </c>
      <c r="G49" s="91">
        <v>2313</v>
      </c>
      <c r="H49" s="91">
        <v>1038</v>
      </c>
      <c r="I49" s="98">
        <v>1275</v>
      </c>
      <c r="J49" s="123">
        <v>230</v>
      </c>
      <c r="K49" s="94">
        <v>1649</v>
      </c>
      <c r="L49" s="132">
        <v>417</v>
      </c>
      <c r="M49" s="351">
        <v>1943</v>
      </c>
      <c r="N49" s="96">
        <v>890</v>
      </c>
      <c r="O49" s="277">
        <v>0</v>
      </c>
      <c r="P49" s="97">
        <v>84.6</v>
      </c>
      <c r="Q49" s="44"/>
    </row>
    <row r="50" spans="2:17" s="219" customFormat="1" ht="18" customHeight="1">
      <c r="B50" s="348"/>
      <c r="C50" s="349" t="s">
        <v>27</v>
      </c>
      <c r="D50" s="350"/>
      <c r="E50" s="32"/>
      <c r="F50" s="91">
        <v>292</v>
      </c>
      <c r="G50" s="91">
        <v>626</v>
      </c>
      <c r="H50" s="91">
        <v>308</v>
      </c>
      <c r="I50" s="98">
        <v>318</v>
      </c>
      <c r="J50" s="123">
        <v>65</v>
      </c>
      <c r="K50" s="94">
        <v>399</v>
      </c>
      <c r="L50" s="132">
        <v>125</v>
      </c>
      <c r="M50" s="351">
        <v>968</v>
      </c>
      <c r="N50" s="96">
        <v>375</v>
      </c>
      <c r="O50" s="103">
        <v>362</v>
      </c>
      <c r="P50" s="109">
        <v>164.3</v>
      </c>
      <c r="Q50" s="44"/>
    </row>
    <row r="51" spans="2:17" s="219" customFormat="1" ht="18" customHeight="1">
      <c r="B51" s="348" t="s">
        <v>568</v>
      </c>
      <c r="C51" s="349" t="s">
        <v>26</v>
      </c>
      <c r="D51" s="350"/>
      <c r="E51" s="32"/>
      <c r="F51" s="91">
        <v>1134</v>
      </c>
      <c r="G51" s="91">
        <v>2844</v>
      </c>
      <c r="H51" s="91">
        <v>1400</v>
      </c>
      <c r="I51" s="98">
        <v>1444</v>
      </c>
      <c r="J51" s="123">
        <v>630</v>
      </c>
      <c r="K51" s="94">
        <v>1865</v>
      </c>
      <c r="L51" s="132">
        <v>347</v>
      </c>
      <c r="M51" s="351">
        <v>1293</v>
      </c>
      <c r="N51" s="96">
        <v>187</v>
      </c>
      <c r="O51" s="277">
        <v>0</v>
      </c>
      <c r="P51" s="97">
        <v>45.5</v>
      </c>
      <c r="Q51" s="44"/>
    </row>
    <row r="52" spans="2:17" s="219" customFormat="1" ht="18.75" customHeight="1">
      <c r="B52" s="348"/>
      <c r="C52" s="349" t="s">
        <v>27</v>
      </c>
      <c r="D52" s="350"/>
      <c r="E52" s="32"/>
      <c r="F52" s="91">
        <v>1252</v>
      </c>
      <c r="G52" s="91">
        <v>3393</v>
      </c>
      <c r="H52" s="91">
        <v>1661</v>
      </c>
      <c r="I52" s="98">
        <v>1732</v>
      </c>
      <c r="J52" s="123">
        <v>834</v>
      </c>
      <c r="K52" s="94">
        <v>2275</v>
      </c>
      <c r="L52" s="132">
        <v>282</v>
      </c>
      <c r="M52" s="351">
        <v>1623</v>
      </c>
      <c r="N52" s="96">
        <v>297</v>
      </c>
      <c r="O52" s="277">
        <v>0</v>
      </c>
      <c r="P52" s="97">
        <v>47.9</v>
      </c>
      <c r="Q52" s="44"/>
    </row>
    <row r="53" spans="2:17" s="219" customFormat="1" ht="18.75" customHeight="1">
      <c r="B53" s="348" t="s">
        <v>569</v>
      </c>
      <c r="C53" s="349" t="s">
        <v>26</v>
      </c>
      <c r="D53" s="350"/>
      <c r="E53" s="32"/>
      <c r="F53" s="91">
        <v>677</v>
      </c>
      <c r="G53" s="91">
        <v>2017</v>
      </c>
      <c r="H53" s="91">
        <v>1009</v>
      </c>
      <c r="I53" s="98">
        <v>1008</v>
      </c>
      <c r="J53" s="123">
        <v>442</v>
      </c>
      <c r="K53" s="94">
        <v>1362</v>
      </c>
      <c r="L53" s="132">
        <v>213</v>
      </c>
      <c r="M53" s="351">
        <v>968</v>
      </c>
      <c r="N53" s="96">
        <v>363</v>
      </c>
      <c r="O53" s="277">
        <v>0</v>
      </c>
      <c r="P53" s="97">
        <v>48</v>
      </c>
      <c r="Q53" s="44"/>
    </row>
    <row r="54" spans="2:17" s="219" customFormat="1" ht="18.75" customHeight="1">
      <c r="B54" s="348"/>
      <c r="C54" s="349" t="s">
        <v>27</v>
      </c>
      <c r="D54" s="350"/>
      <c r="E54" s="32"/>
      <c r="F54" s="91">
        <v>724</v>
      </c>
      <c r="G54" s="91">
        <v>1734</v>
      </c>
      <c r="H54" s="91">
        <v>856</v>
      </c>
      <c r="I54" s="98">
        <v>878</v>
      </c>
      <c r="J54" s="123">
        <v>299</v>
      </c>
      <c r="K54" s="94">
        <v>1096</v>
      </c>
      <c r="L54" s="132">
        <v>337</v>
      </c>
      <c r="M54" s="351">
        <v>2987</v>
      </c>
      <c r="N54" s="96">
        <v>1314</v>
      </c>
      <c r="O54" s="96">
        <v>853</v>
      </c>
      <c r="P54" s="97">
        <v>172.5</v>
      </c>
      <c r="Q54" s="44"/>
    </row>
    <row r="55" spans="2:17" s="219" customFormat="1" ht="18.75" customHeight="1">
      <c r="B55" s="348"/>
      <c r="C55" s="349" t="s">
        <v>28</v>
      </c>
      <c r="D55" s="350"/>
      <c r="E55" s="32"/>
      <c r="F55" s="91">
        <v>1077</v>
      </c>
      <c r="G55" s="91">
        <v>2501</v>
      </c>
      <c r="H55" s="91">
        <v>1236</v>
      </c>
      <c r="I55" s="98">
        <v>1265</v>
      </c>
      <c r="J55" s="123">
        <v>348</v>
      </c>
      <c r="K55" s="94">
        <v>1721</v>
      </c>
      <c r="L55" s="132">
        <v>432</v>
      </c>
      <c r="M55" s="351">
        <v>2027</v>
      </c>
      <c r="N55" s="96">
        <v>582</v>
      </c>
      <c r="O55" s="96">
        <v>446</v>
      </c>
      <c r="P55" s="97">
        <v>81</v>
      </c>
      <c r="Q55" s="44"/>
    </row>
    <row r="56" spans="2:17" s="219" customFormat="1" ht="18.75" customHeight="1">
      <c r="B56" s="348" t="s">
        <v>570</v>
      </c>
      <c r="C56" s="349"/>
      <c r="D56" s="350"/>
      <c r="E56" s="32"/>
      <c r="F56" s="91">
        <v>861</v>
      </c>
      <c r="G56" s="91">
        <v>1816</v>
      </c>
      <c r="H56" s="91">
        <v>892</v>
      </c>
      <c r="I56" s="98">
        <v>924</v>
      </c>
      <c r="J56" s="123">
        <v>223</v>
      </c>
      <c r="K56" s="94">
        <v>1229</v>
      </c>
      <c r="L56" s="132">
        <v>364</v>
      </c>
      <c r="M56" s="351">
        <v>1025</v>
      </c>
      <c r="N56" s="96">
        <v>242</v>
      </c>
      <c r="O56" s="277">
        <v>0</v>
      </c>
      <c r="P56" s="97">
        <v>56.4</v>
      </c>
      <c r="Q56" s="44"/>
    </row>
    <row r="57" spans="2:17" s="219" customFormat="1" ht="18" customHeight="1">
      <c r="B57" s="348" t="s">
        <v>571</v>
      </c>
      <c r="C57" s="349" t="s">
        <v>26</v>
      </c>
      <c r="D57" s="350"/>
      <c r="E57" s="32"/>
      <c r="F57" s="91">
        <v>412</v>
      </c>
      <c r="G57" s="91">
        <v>856</v>
      </c>
      <c r="H57" s="91">
        <v>390</v>
      </c>
      <c r="I57" s="98">
        <v>466</v>
      </c>
      <c r="J57" s="123">
        <v>60</v>
      </c>
      <c r="K57" s="94">
        <v>520</v>
      </c>
      <c r="L57" s="132">
        <v>253</v>
      </c>
      <c r="M57" s="351">
        <v>1220</v>
      </c>
      <c r="N57" s="96">
        <v>832</v>
      </c>
      <c r="O57" s="277">
        <v>0</v>
      </c>
      <c r="P57" s="97">
        <v>146.5</v>
      </c>
      <c r="Q57" s="44"/>
    </row>
    <row r="58" spans="2:17" s="219" customFormat="1" ht="18" customHeight="1">
      <c r="B58" s="348"/>
      <c r="C58" s="349" t="s">
        <v>27</v>
      </c>
      <c r="D58" s="350"/>
      <c r="E58" s="32"/>
      <c r="F58" s="91">
        <v>623</v>
      </c>
      <c r="G58" s="91">
        <v>1673</v>
      </c>
      <c r="H58" s="91">
        <v>768</v>
      </c>
      <c r="I58" s="98">
        <v>905</v>
      </c>
      <c r="J58" s="123">
        <v>188</v>
      </c>
      <c r="K58" s="94">
        <v>981</v>
      </c>
      <c r="L58" s="132">
        <v>498</v>
      </c>
      <c r="M58" s="351">
        <v>1260</v>
      </c>
      <c r="N58" s="96">
        <v>517</v>
      </c>
      <c r="O58" s="277">
        <v>0</v>
      </c>
      <c r="P58" s="97">
        <v>75.599999999999994</v>
      </c>
      <c r="Q58" s="44"/>
    </row>
    <row r="59" spans="2:17" s="219" customFormat="1" ht="18" customHeight="1">
      <c r="B59" s="348"/>
      <c r="C59" s="349" t="s">
        <v>28</v>
      </c>
      <c r="D59" s="350"/>
      <c r="E59" s="32"/>
      <c r="F59" s="91">
        <v>849</v>
      </c>
      <c r="G59" s="91">
        <v>2113</v>
      </c>
      <c r="H59" s="91">
        <v>998</v>
      </c>
      <c r="I59" s="98">
        <v>1115</v>
      </c>
      <c r="J59" s="123">
        <v>241</v>
      </c>
      <c r="K59" s="94">
        <v>1353</v>
      </c>
      <c r="L59" s="132">
        <v>519</v>
      </c>
      <c r="M59" s="351">
        <v>2224</v>
      </c>
      <c r="N59" s="96">
        <v>1062</v>
      </c>
      <c r="O59" s="96">
        <v>335</v>
      </c>
      <c r="P59" s="97">
        <v>105.3</v>
      </c>
      <c r="Q59" s="44"/>
    </row>
    <row r="60" spans="2:17" s="219" customFormat="1" ht="18" customHeight="1">
      <c r="B60" s="348" t="s">
        <v>572</v>
      </c>
      <c r="C60" s="349" t="s">
        <v>26</v>
      </c>
      <c r="D60" s="350"/>
      <c r="E60" s="32"/>
      <c r="F60" s="91">
        <v>803</v>
      </c>
      <c r="G60" s="91">
        <v>1834</v>
      </c>
      <c r="H60" s="91">
        <v>849</v>
      </c>
      <c r="I60" s="98">
        <v>985</v>
      </c>
      <c r="J60" s="123">
        <v>162</v>
      </c>
      <c r="K60" s="94">
        <v>1244</v>
      </c>
      <c r="L60" s="132">
        <v>428</v>
      </c>
      <c r="M60" s="351">
        <v>1152</v>
      </c>
      <c r="N60" s="96">
        <v>424</v>
      </c>
      <c r="O60" s="277">
        <v>0</v>
      </c>
      <c r="P60" s="97">
        <v>62.8</v>
      </c>
      <c r="Q60" s="44"/>
    </row>
    <row r="61" spans="2:17" s="219" customFormat="1" ht="18" customHeight="1">
      <c r="B61" s="348"/>
      <c r="C61" s="349" t="s">
        <v>27</v>
      </c>
      <c r="D61" s="350"/>
      <c r="E61" s="32"/>
      <c r="F61" s="91">
        <v>1480</v>
      </c>
      <c r="G61" s="91">
        <v>3670</v>
      </c>
      <c r="H61" s="91">
        <v>1727</v>
      </c>
      <c r="I61" s="98">
        <v>1943</v>
      </c>
      <c r="J61" s="123">
        <v>495</v>
      </c>
      <c r="K61" s="94">
        <v>2563</v>
      </c>
      <c r="L61" s="132">
        <v>606</v>
      </c>
      <c r="M61" s="351">
        <v>2638</v>
      </c>
      <c r="N61" s="96">
        <v>1188</v>
      </c>
      <c r="O61" s="277">
        <v>0</v>
      </c>
      <c r="P61" s="97">
        <v>72</v>
      </c>
      <c r="Q61" s="44"/>
    </row>
    <row r="62" spans="2:17" s="219" customFormat="1" ht="18" customHeight="1">
      <c r="B62" s="348"/>
      <c r="C62" s="349" t="s">
        <v>28</v>
      </c>
      <c r="D62" s="350"/>
      <c r="E62" s="32"/>
      <c r="F62" s="91">
        <v>978</v>
      </c>
      <c r="G62" s="91">
        <v>2619</v>
      </c>
      <c r="H62" s="91">
        <v>1261</v>
      </c>
      <c r="I62" s="98">
        <v>1358</v>
      </c>
      <c r="J62" s="123">
        <v>283</v>
      </c>
      <c r="K62" s="94">
        <v>1878</v>
      </c>
      <c r="L62" s="132">
        <v>421</v>
      </c>
      <c r="M62" s="351">
        <v>1878</v>
      </c>
      <c r="N62" s="96">
        <v>359</v>
      </c>
      <c r="O62" s="96">
        <v>554</v>
      </c>
      <c r="P62" s="97">
        <v>72.7</v>
      </c>
      <c r="Q62" s="44"/>
    </row>
    <row r="63" spans="2:17" s="219" customFormat="1" ht="18" customHeight="1">
      <c r="B63" s="348"/>
      <c r="C63" s="349" t="s">
        <v>29</v>
      </c>
      <c r="D63" s="350"/>
      <c r="E63" s="32"/>
      <c r="F63" s="91">
        <v>677</v>
      </c>
      <c r="G63" s="91">
        <v>1790</v>
      </c>
      <c r="H63" s="91">
        <v>869</v>
      </c>
      <c r="I63" s="98">
        <v>921</v>
      </c>
      <c r="J63" s="123">
        <v>310</v>
      </c>
      <c r="K63" s="94">
        <v>1294</v>
      </c>
      <c r="L63" s="132">
        <v>176</v>
      </c>
      <c r="M63" s="351">
        <v>1719</v>
      </c>
      <c r="N63" s="96">
        <v>474</v>
      </c>
      <c r="O63" s="96">
        <v>647</v>
      </c>
      <c r="P63" s="97">
        <v>96.6</v>
      </c>
      <c r="Q63" s="44"/>
    </row>
    <row r="64" spans="2:17" s="219" customFormat="1" ht="18" customHeight="1">
      <c r="B64" s="348"/>
      <c r="C64" s="349" t="s">
        <v>30</v>
      </c>
      <c r="D64" s="350"/>
      <c r="E64" s="32"/>
      <c r="F64" s="91">
        <v>1936</v>
      </c>
      <c r="G64" s="91">
        <v>4803</v>
      </c>
      <c r="H64" s="91">
        <v>2201</v>
      </c>
      <c r="I64" s="98">
        <v>2602</v>
      </c>
      <c r="J64" s="123">
        <v>534</v>
      </c>
      <c r="K64" s="94">
        <v>3141</v>
      </c>
      <c r="L64" s="132">
        <v>1085</v>
      </c>
      <c r="M64" s="351">
        <v>3133</v>
      </c>
      <c r="N64" s="96">
        <v>1096</v>
      </c>
      <c r="O64" s="277">
        <v>0</v>
      </c>
      <c r="P64" s="97">
        <v>65.8</v>
      </c>
      <c r="Q64" s="44"/>
    </row>
    <row r="65" spans="2:17" s="219" customFormat="1" ht="18" customHeight="1">
      <c r="B65" s="348" t="s">
        <v>573</v>
      </c>
      <c r="C65" s="349" t="s">
        <v>26</v>
      </c>
      <c r="D65" s="350"/>
      <c r="E65" s="32"/>
      <c r="F65" s="91">
        <v>920</v>
      </c>
      <c r="G65" s="91">
        <v>1647</v>
      </c>
      <c r="H65" s="91">
        <v>721</v>
      </c>
      <c r="I65" s="98">
        <v>926</v>
      </c>
      <c r="J65" s="123">
        <v>121</v>
      </c>
      <c r="K65" s="94">
        <v>1065</v>
      </c>
      <c r="L65" s="132">
        <v>438</v>
      </c>
      <c r="M65" s="351">
        <v>3352</v>
      </c>
      <c r="N65" s="96">
        <v>2460</v>
      </c>
      <c r="O65" s="96">
        <v>164</v>
      </c>
      <c r="P65" s="97">
        <v>206.4</v>
      </c>
      <c r="Q65" s="44"/>
    </row>
    <row r="66" spans="2:17" s="219" customFormat="1" ht="18" customHeight="1">
      <c r="B66" s="348"/>
      <c r="C66" s="349" t="s">
        <v>27</v>
      </c>
      <c r="D66" s="350"/>
      <c r="E66" s="32"/>
      <c r="F66" s="91">
        <v>2240</v>
      </c>
      <c r="G66" s="91">
        <v>4288</v>
      </c>
      <c r="H66" s="91">
        <v>2101</v>
      </c>
      <c r="I66" s="98">
        <v>2187</v>
      </c>
      <c r="J66" s="123">
        <v>399</v>
      </c>
      <c r="K66" s="94">
        <v>3045</v>
      </c>
      <c r="L66" s="132">
        <v>753</v>
      </c>
      <c r="M66" s="351">
        <v>3644</v>
      </c>
      <c r="N66" s="96">
        <v>2029</v>
      </c>
      <c r="O66" s="277">
        <v>0</v>
      </c>
      <c r="P66" s="97">
        <v>86.8</v>
      </c>
      <c r="Q66" s="44"/>
    </row>
    <row r="67" spans="2:17" s="219" customFormat="1" ht="18.75" customHeight="1">
      <c r="B67" s="348" t="s">
        <v>574</v>
      </c>
      <c r="C67" s="349" t="s">
        <v>26</v>
      </c>
      <c r="D67" s="350"/>
      <c r="E67" s="32"/>
      <c r="F67" s="91">
        <v>661</v>
      </c>
      <c r="G67" s="91">
        <v>1651</v>
      </c>
      <c r="H67" s="91">
        <v>788</v>
      </c>
      <c r="I67" s="98">
        <v>863</v>
      </c>
      <c r="J67" s="123">
        <v>227</v>
      </c>
      <c r="K67" s="94">
        <v>998</v>
      </c>
      <c r="L67" s="132">
        <v>406</v>
      </c>
      <c r="M67" s="351">
        <v>1310</v>
      </c>
      <c r="N67" s="96">
        <v>623</v>
      </c>
      <c r="O67" s="277">
        <v>0</v>
      </c>
      <c r="P67" s="97">
        <v>80.3</v>
      </c>
      <c r="Q67" s="44"/>
    </row>
    <row r="68" spans="2:17" s="219" customFormat="1" ht="18.75" customHeight="1">
      <c r="B68" s="348"/>
      <c r="C68" s="349" t="s">
        <v>27</v>
      </c>
      <c r="D68" s="350"/>
      <c r="E68" s="32"/>
      <c r="F68" s="91">
        <v>588</v>
      </c>
      <c r="G68" s="91">
        <v>1456</v>
      </c>
      <c r="H68" s="91">
        <v>701</v>
      </c>
      <c r="I68" s="98">
        <v>755</v>
      </c>
      <c r="J68" s="123">
        <v>204</v>
      </c>
      <c r="K68" s="94">
        <v>880</v>
      </c>
      <c r="L68" s="132">
        <v>370</v>
      </c>
      <c r="M68" s="351">
        <v>1301</v>
      </c>
      <c r="N68" s="96">
        <v>462</v>
      </c>
      <c r="O68" s="96">
        <v>245</v>
      </c>
      <c r="P68" s="97">
        <v>89.5</v>
      </c>
      <c r="Q68" s="44"/>
    </row>
    <row r="69" spans="2:17" s="219" customFormat="1" ht="18.75" customHeight="1">
      <c r="B69" s="348"/>
      <c r="C69" s="349" t="s">
        <v>28</v>
      </c>
      <c r="D69" s="350"/>
      <c r="E69" s="32"/>
      <c r="F69" s="91">
        <v>812</v>
      </c>
      <c r="G69" s="91">
        <v>1899</v>
      </c>
      <c r="H69" s="91">
        <v>929</v>
      </c>
      <c r="I69" s="98">
        <v>970</v>
      </c>
      <c r="J69" s="123">
        <v>217</v>
      </c>
      <c r="K69" s="94">
        <v>1185</v>
      </c>
      <c r="L69" s="132">
        <v>480</v>
      </c>
      <c r="M69" s="351">
        <v>1283</v>
      </c>
      <c r="N69" s="96">
        <v>529</v>
      </c>
      <c r="O69" s="277">
        <v>0</v>
      </c>
      <c r="P69" s="97">
        <v>68.2</v>
      </c>
      <c r="Q69" s="44"/>
    </row>
    <row r="70" spans="2:17" s="219" customFormat="1" ht="18.75" customHeight="1">
      <c r="B70" s="348" t="s">
        <v>575</v>
      </c>
      <c r="C70" s="349" t="s">
        <v>26</v>
      </c>
      <c r="D70" s="350"/>
      <c r="E70" s="32"/>
      <c r="F70" s="91">
        <v>437</v>
      </c>
      <c r="G70" s="91">
        <v>1097</v>
      </c>
      <c r="H70" s="91">
        <v>513</v>
      </c>
      <c r="I70" s="98">
        <v>584</v>
      </c>
      <c r="J70" s="123">
        <v>116</v>
      </c>
      <c r="K70" s="94">
        <v>653</v>
      </c>
      <c r="L70" s="132">
        <v>328</v>
      </c>
      <c r="M70" s="351">
        <v>1292</v>
      </c>
      <c r="N70" s="96">
        <v>772</v>
      </c>
      <c r="O70" s="277">
        <v>0</v>
      </c>
      <c r="P70" s="97">
        <v>117.8</v>
      </c>
      <c r="Q70" s="44"/>
    </row>
    <row r="71" spans="2:17" s="219" customFormat="1" ht="18.75" customHeight="1">
      <c r="B71" s="348"/>
      <c r="C71" s="349" t="s">
        <v>27</v>
      </c>
      <c r="D71" s="350"/>
      <c r="E71" s="32"/>
      <c r="F71" s="91">
        <v>843</v>
      </c>
      <c r="G71" s="91">
        <v>2008</v>
      </c>
      <c r="H71" s="91">
        <v>951</v>
      </c>
      <c r="I71" s="98">
        <v>1057</v>
      </c>
      <c r="J71" s="123">
        <v>274</v>
      </c>
      <c r="K71" s="94">
        <v>1313</v>
      </c>
      <c r="L71" s="132">
        <v>414</v>
      </c>
      <c r="M71" s="351">
        <v>1356</v>
      </c>
      <c r="N71" s="96">
        <v>564</v>
      </c>
      <c r="O71" s="277">
        <v>0</v>
      </c>
      <c r="P71" s="97">
        <v>67.8</v>
      </c>
      <c r="Q71" s="44"/>
    </row>
    <row r="72" spans="2:17" s="219" customFormat="1" ht="18.75" customHeight="1">
      <c r="B72" s="348"/>
      <c r="C72" s="349" t="s">
        <v>28</v>
      </c>
      <c r="D72" s="350"/>
      <c r="E72" s="32"/>
      <c r="F72" s="91">
        <v>775</v>
      </c>
      <c r="G72" s="91">
        <v>1699</v>
      </c>
      <c r="H72" s="91">
        <v>801</v>
      </c>
      <c r="I72" s="98">
        <v>898</v>
      </c>
      <c r="J72" s="123">
        <v>215</v>
      </c>
      <c r="K72" s="94">
        <v>1101</v>
      </c>
      <c r="L72" s="132">
        <v>361</v>
      </c>
      <c r="M72" s="351">
        <v>1123</v>
      </c>
      <c r="N72" s="96">
        <v>494</v>
      </c>
      <c r="O72" s="277">
        <v>0</v>
      </c>
      <c r="P72" s="97">
        <v>67</v>
      </c>
      <c r="Q72" s="44"/>
    </row>
    <row r="73" spans="2:17" s="219" customFormat="1" ht="18.75" customHeight="1">
      <c r="B73" s="348"/>
      <c r="C73" s="349" t="s">
        <v>29</v>
      </c>
      <c r="D73" s="350"/>
      <c r="E73" s="32"/>
      <c r="F73" s="91">
        <v>199</v>
      </c>
      <c r="G73" s="91">
        <v>535</v>
      </c>
      <c r="H73" s="91">
        <v>271</v>
      </c>
      <c r="I73" s="98">
        <v>264</v>
      </c>
      <c r="J73" s="123">
        <v>98</v>
      </c>
      <c r="K73" s="94">
        <v>366</v>
      </c>
      <c r="L73" s="132">
        <v>67</v>
      </c>
      <c r="M73" s="351">
        <v>527</v>
      </c>
      <c r="N73" s="96">
        <v>307</v>
      </c>
      <c r="O73" s="277">
        <v>0</v>
      </c>
      <c r="P73" s="97">
        <v>99.2</v>
      </c>
      <c r="Q73" s="44"/>
    </row>
    <row r="74" spans="2:17" s="219" customFormat="1" ht="18.75" customHeight="1">
      <c r="B74" s="348"/>
      <c r="C74" s="349" t="s">
        <v>30</v>
      </c>
      <c r="D74" s="350"/>
      <c r="E74" s="32"/>
      <c r="F74" s="91">
        <v>407</v>
      </c>
      <c r="G74" s="91">
        <v>1001</v>
      </c>
      <c r="H74" s="91">
        <v>515</v>
      </c>
      <c r="I74" s="98">
        <v>486</v>
      </c>
      <c r="J74" s="123">
        <v>172</v>
      </c>
      <c r="K74" s="94">
        <v>653</v>
      </c>
      <c r="L74" s="132">
        <v>172</v>
      </c>
      <c r="M74" s="351">
        <v>1054</v>
      </c>
      <c r="N74" s="96">
        <v>232</v>
      </c>
      <c r="O74" s="96">
        <v>406</v>
      </c>
      <c r="P74" s="97">
        <v>105.7</v>
      </c>
      <c r="Q74" s="44"/>
    </row>
    <row r="75" spans="2:17" s="219" customFormat="1" ht="18.75" customHeight="1">
      <c r="B75" s="348"/>
      <c r="C75" s="349" t="s">
        <v>31</v>
      </c>
      <c r="D75" s="350"/>
      <c r="E75" s="32"/>
      <c r="F75" s="91">
        <v>724</v>
      </c>
      <c r="G75" s="91">
        <v>1581</v>
      </c>
      <c r="H75" s="91">
        <v>771</v>
      </c>
      <c r="I75" s="98">
        <v>810</v>
      </c>
      <c r="J75" s="123">
        <v>161</v>
      </c>
      <c r="K75" s="94">
        <v>994</v>
      </c>
      <c r="L75" s="132">
        <v>403</v>
      </c>
      <c r="M75" s="351">
        <v>1128</v>
      </c>
      <c r="N75" s="96">
        <v>503</v>
      </c>
      <c r="O75" s="277">
        <v>0</v>
      </c>
      <c r="P75" s="97">
        <v>72.400000000000006</v>
      </c>
      <c r="Q75" s="44"/>
    </row>
    <row r="76" spans="2:17" s="219" customFormat="1" ht="18.75" customHeight="1">
      <c r="B76" s="348" t="s">
        <v>123</v>
      </c>
      <c r="C76" s="349" t="s">
        <v>32</v>
      </c>
      <c r="D76" s="350"/>
      <c r="E76" s="32"/>
      <c r="F76" s="91">
        <v>70</v>
      </c>
      <c r="G76" s="91">
        <v>200</v>
      </c>
      <c r="H76" s="91">
        <v>100</v>
      </c>
      <c r="I76" s="98">
        <v>100</v>
      </c>
      <c r="J76" s="123">
        <v>32</v>
      </c>
      <c r="K76" s="94">
        <v>139</v>
      </c>
      <c r="L76" s="132">
        <v>29</v>
      </c>
      <c r="M76" s="351">
        <v>489</v>
      </c>
      <c r="N76" s="96">
        <v>413</v>
      </c>
      <c r="O76" s="277">
        <v>0</v>
      </c>
      <c r="P76" s="97">
        <v>244.5</v>
      </c>
      <c r="Q76" s="44"/>
    </row>
    <row r="77" spans="2:17" s="219" customFormat="1" ht="18.75" customHeight="1">
      <c r="B77" s="348"/>
      <c r="C77" s="349" t="s">
        <v>33</v>
      </c>
      <c r="D77" s="350"/>
      <c r="E77" s="32"/>
      <c r="F77" s="91">
        <v>384</v>
      </c>
      <c r="G77" s="91">
        <v>849</v>
      </c>
      <c r="H77" s="91">
        <v>445</v>
      </c>
      <c r="I77" s="98">
        <v>404</v>
      </c>
      <c r="J77" s="123">
        <v>134</v>
      </c>
      <c r="K77" s="94">
        <v>555</v>
      </c>
      <c r="L77" s="132">
        <v>158</v>
      </c>
      <c r="M77" s="351">
        <v>872</v>
      </c>
      <c r="N77" s="96">
        <v>496</v>
      </c>
      <c r="O77" s="277">
        <v>0</v>
      </c>
      <c r="P77" s="97">
        <v>103</v>
      </c>
      <c r="Q77" s="44"/>
    </row>
    <row r="78" spans="2:17" s="219" customFormat="1" ht="18.75" customHeight="1">
      <c r="B78" s="348"/>
      <c r="C78" s="349" t="s">
        <v>34</v>
      </c>
      <c r="D78" s="350"/>
      <c r="E78" s="32"/>
      <c r="F78" s="91">
        <v>617</v>
      </c>
      <c r="G78" s="91">
        <v>1307</v>
      </c>
      <c r="H78" s="91">
        <v>639</v>
      </c>
      <c r="I78" s="98">
        <v>668</v>
      </c>
      <c r="J78" s="123">
        <v>127</v>
      </c>
      <c r="K78" s="94">
        <v>840</v>
      </c>
      <c r="L78" s="132">
        <v>320</v>
      </c>
      <c r="M78" s="351">
        <v>1149</v>
      </c>
      <c r="N78" s="96">
        <v>556</v>
      </c>
      <c r="O78" s="277">
        <v>0</v>
      </c>
      <c r="P78" s="97">
        <v>89.3</v>
      </c>
      <c r="Q78" s="44"/>
    </row>
    <row r="79" spans="2:17" s="219" customFormat="1" ht="18.75" customHeight="1">
      <c r="B79" s="348" t="s">
        <v>576</v>
      </c>
      <c r="C79" s="349" t="s">
        <v>26</v>
      </c>
      <c r="D79" s="350"/>
      <c r="E79" s="32"/>
      <c r="F79" s="91">
        <v>246</v>
      </c>
      <c r="G79" s="91">
        <v>612</v>
      </c>
      <c r="H79" s="91">
        <v>320</v>
      </c>
      <c r="I79" s="98">
        <v>292</v>
      </c>
      <c r="J79" s="123">
        <v>111</v>
      </c>
      <c r="K79" s="94">
        <v>449</v>
      </c>
      <c r="L79" s="132">
        <v>52</v>
      </c>
      <c r="M79" s="351">
        <v>519</v>
      </c>
      <c r="N79" s="96">
        <v>282</v>
      </c>
      <c r="O79" s="277">
        <v>0</v>
      </c>
      <c r="P79" s="97">
        <v>84.8</v>
      </c>
      <c r="Q79" s="44"/>
    </row>
    <row r="80" spans="2:17" s="219" customFormat="1" ht="18.75" customHeight="1">
      <c r="B80" s="348"/>
      <c r="C80" s="349" t="s">
        <v>27</v>
      </c>
      <c r="D80" s="350"/>
      <c r="E80" s="32"/>
      <c r="F80" s="91">
        <v>791</v>
      </c>
      <c r="G80" s="91">
        <v>2131</v>
      </c>
      <c r="H80" s="91">
        <v>1030</v>
      </c>
      <c r="I80" s="98">
        <v>1101</v>
      </c>
      <c r="J80" s="123">
        <v>362</v>
      </c>
      <c r="K80" s="94">
        <v>1461</v>
      </c>
      <c r="L80" s="132">
        <v>304</v>
      </c>
      <c r="M80" s="351">
        <v>2270</v>
      </c>
      <c r="N80" s="96">
        <v>875</v>
      </c>
      <c r="O80" s="96">
        <v>590</v>
      </c>
      <c r="P80" s="97">
        <v>106.7</v>
      </c>
      <c r="Q80" s="44"/>
    </row>
    <row r="81" spans="2:17" s="219" customFormat="1" ht="18.75" customHeight="1">
      <c r="B81" s="348"/>
      <c r="C81" s="349" t="s">
        <v>28</v>
      </c>
      <c r="D81" s="350"/>
      <c r="E81" s="32"/>
      <c r="F81" s="91">
        <v>1035</v>
      </c>
      <c r="G81" s="91">
        <v>2065</v>
      </c>
      <c r="H81" s="91">
        <v>1110</v>
      </c>
      <c r="I81" s="98">
        <v>955</v>
      </c>
      <c r="J81" s="123">
        <v>273</v>
      </c>
      <c r="K81" s="94">
        <v>1503</v>
      </c>
      <c r="L81" s="132">
        <v>289</v>
      </c>
      <c r="M81" s="351">
        <v>2325</v>
      </c>
      <c r="N81" s="96">
        <v>944</v>
      </c>
      <c r="O81" s="96">
        <v>440</v>
      </c>
      <c r="P81" s="97">
        <v>112.6</v>
      </c>
      <c r="Q81" s="44"/>
    </row>
    <row r="82" spans="2:17" s="219" customFormat="1" ht="18.75" customHeight="1">
      <c r="B82" s="348"/>
      <c r="C82" s="349" t="s">
        <v>29</v>
      </c>
      <c r="D82" s="350"/>
      <c r="E82" s="32"/>
      <c r="F82" s="91">
        <v>664</v>
      </c>
      <c r="G82" s="91">
        <v>1264</v>
      </c>
      <c r="H82" s="91">
        <v>643</v>
      </c>
      <c r="I82" s="98">
        <v>621</v>
      </c>
      <c r="J82" s="123">
        <v>123</v>
      </c>
      <c r="K82" s="94">
        <v>912</v>
      </c>
      <c r="L82" s="132">
        <v>221</v>
      </c>
      <c r="M82" s="351">
        <v>1422</v>
      </c>
      <c r="N82" s="96">
        <v>865</v>
      </c>
      <c r="O82" s="277">
        <v>0</v>
      </c>
      <c r="P82" s="97">
        <v>113.2</v>
      </c>
      <c r="Q82" s="44"/>
    </row>
    <row r="83" spans="2:17" s="219" customFormat="1" ht="18" customHeight="1">
      <c r="B83" s="348" t="s">
        <v>577</v>
      </c>
      <c r="C83" s="349" t="s">
        <v>26</v>
      </c>
      <c r="D83" s="350"/>
      <c r="E83" s="32"/>
      <c r="F83" s="91">
        <v>715</v>
      </c>
      <c r="G83" s="91">
        <v>1704</v>
      </c>
      <c r="H83" s="91">
        <v>815</v>
      </c>
      <c r="I83" s="98">
        <v>889</v>
      </c>
      <c r="J83" s="123">
        <v>169</v>
      </c>
      <c r="K83" s="94">
        <v>1114</v>
      </c>
      <c r="L83" s="132">
        <v>421</v>
      </c>
      <c r="M83" s="351">
        <v>997</v>
      </c>
      <c r="N83" s="96">
        <v>313</v>
      </c>
      <c r="O83" s="277">
        <v>0</v>
      </c>
      <c r="P83" s="97">
        <v>58.5</v>
      </c>
      <c r="Q83" s="44"/>
    </row>
    <row r="84" spans="2:17" s="219" customFormat="1" ht="18" customHeight="1">
      <c r="B84" s="348"/>
      <c r="C84" s="349" t="s">
        <v>27</v>
      </c>
      <c r="D84" s="350"/>
      <c r="E84" s="32"/>
      <c r="F84" s="91">
        <v>803</v>
      </c>
      <c r="G84" s="91">
        <v>1876</v>
      </c>
      <c r="H84" s="91">
        <v>881</v>
      </c>
      <c r="I84" s="98">
        <v>995</v>
      </c>
      <c r="J84" s="123">
        <v>274</v>
      </c>
      <c r="K84" s="94">
        <v>1195</v>
      </c>
      <c r="L84" s="132">
        <v>406</v>
      </c>
      <c r="M84" s="351">
        <v>1319</v>
      </c>
      <c r="N84" s="96">
        <v>535</v>
      </c>
      <c r="O84" s="277">
        <v>0</v>
      </c>
      <c r="P84" s="97">
        <v>70.3</v>
      </c>
      <c r="Q84" s="44"/>
    </row>
    <row r="85" spans="2:17" s="219" customFormat="1" ht="18" customHeight="1">
      <c r="B85" s="348"/>
      <c r="C85" s="349" t="s">
        <v>28</v>
      </c>
      <c r="D85" s="350"/>
      <c r="E85" s="32"/>
      <c r="F85" s="91">
        <v>781</v>
      </c>
      <c r="G85" s="91">
        <v>1850</v>
      </c>
      <c r="H85" s="91">
        <v>943</v>
      </c>
      <c r="I85" s="98">
        <v>907</v>
      </c>
      <c r="J85" s="123">
        <v>274</v>
      </c>
      <c r="K85" s="94">
        <v>1286</v>
      </c>
      <c r="L85" s="132">
        <v>269</v>
      </c>
      <c r="M85" s="351">
        <v>2136</v>
      </c>
      <c r="N85" s="96">
        <v>992</v>
      </c>
      <c r="O85" s="96">
        <v>423</v>
      </c>
      <c r="P85" s="97">
        <v>116.8</v>
      </c>
      <c r="Q85" s="44"/>
    </row>
    <row r="86" spans="2:17" s="219" customFormat="1" ht="18" customHeight="1">
      <c r="B86" s="357"/>
      <c r="C86" s="349" t="s">
        <v>29</v>
      </c>
      <c r="D86" s="358"/>
      <c r="E86" s="32"/>
      <c r="F86" s="91">
        <v>1467</v>
      </c>
      <c r="G86" s="91">
        <v>3028</v>
      </c>
      <c r="H86" s="91">
        <v>1469</v>
      </c>
      <c r="I86" s="98">
        <v>1559</v>
      </c>
      <c r="J86" s="123">
        <v>354</v>
      </c>
      <c r="K86" s="94">
        <v>2144</v>
      </c>
      <c r="L86" s="132">
        <v>530</v>
      </c>
      <c r="M86" s="351">
        <v>2184</v>
      </c>
      <c r="N86" s="96">
        <v>1058</v>
      </c>
      <c r="O86" s="277">
        <v>0</v>
      </c>
      <c r="P86" s="97">
        <v>72.099999999999994</v>
      </c>
      <c r="Q86" s="44"/>
    </row>
    <row r="87" spans="2:17" s="141" customFormat="1" ht="3" customHeight="1">
      <c r="B87" s="222"/>
      <c r="C87" s="222"/>
      <c r="E87" s="223"/>
      <c r="F87" s="145"/>
      <c r="G87" s="144"/>
      <c r="H87" s="145"/>
      <c r="I87" s="144"/>
      <c r="J87" s="145"/>
      <c r="K87" s="144"/>
      <c r="L87" s="224"/>
      <c r="M87" s="225"/>
      <c r="N87" s="228"/>
      <c r="O87" s="146"/>
      <c r="P87" s="147"/>
    </row>
    <row r="88" spans="2:17">
      <c r="E88" s="221"/>
      <c r="F88" s="221"/>
      <c r="G88" s="221"/>
      <c r="H88" s="221"/>
      <c r="I88" s="221"/>
      <c r="J88" s="221"/>
      <c r="K88" s="221"/>
      <c r="L88" s="221"/>
      <c r="M88" s="149"/>
      <c r="N88" s="149"/>
      <c r="O88" s="149"/>
      <c r="P88" s="221"/>
    </row>
    <row r="89" spans="2:17">
      <c r="E89" s="221"/>
      <c r="F89" s="221"/>
      <c r="G89" s="221"/>
      <c r="H89" s="221"/>
      <c r="I89" s="221"/>
      <c r="J89" s="221"/>
      <c r="K89" s="221"/>
      <c r="L89" s="221"/>
      <c r="M89" s="149"/>
      <c r="N89" s="149"/>
      <c r="O89" s="149"/>
      <c r="P89" s="221"/>
    </row>
    <row r="90" spans="2:17">
      <c r="E90" s="221"/>
      <c r="F90" s="221"/>
      <c r="G90" s="221"/>
      <c r="H90" s="221"/>
      <c r="I90" s="221"/>
      <c r="J90" s="221"/>
      <c r="K90" s="221"/>
      <c r="L90" s="221"/>
      <c r="M90" s="149"/>
      <c r="N90" s="149"/>
      <c r="O90" s="149"/>
      <c r="P90" s="221"/>
    </row>
    <row r="91" spans="2:17">
      <c r="E91" s="221"/>
      <c r="F91" s="221"/>
      <c r="G91" s="221"/>
      <c r="H91" s="221"/>
      <c r="I91" s="221"/>
      <c r="J91" s="221"/>
      <c r="K91" s="221"/>
      <c r="L91" s="221"/>
      <c r="M91" s="149"/>
      <c r="N91" s="149"/>
      <c r="O91" s="149"/>
      <c r="P91" s="221"/>
    </row>
    <row r="92" spans="2:17">
      <c r="E92" s="221"/>
      <c r="F92" s="221"/>
      <c r="G92" s="221"/>
      <c r="H92" s="221"/>
      <c r="I92" s="221"/>
      <c r="J92" s="221"/>
      <c r="K92" s="221"/>
      <c r="L92" s="221"/>
      <c r="M92" s="149"/>
      <c r="N92" s="149"/>
      <c r="O92" s="149"/>
      <c r="P92" s="221"/>
    </row>
    <row r="93" spans="2:17">
      <c r="E93" s="221"/>
      <c r="F93" s="221"/>
      <c r="G93" s="221"/>
      <c r="H93" s="221"/>
      <c r="I93" s="221"/>
      <c r="J93" s="221"/>
      <c r="K93" s="221"/>
      <c r="L93" s="221"/>
      <c r="M93" s="149"/>
      <c r="N93" s="149"/>
      <c r="O93" s="149"/>
      <c r="P93" s="221"/>
    </row>
    <row r="94" spans="2:17">
      <c r="E94" s="221"/>
      <c r="F94" s="221"/>
      <c r="G94" s="221"/>
      <c r="H94" s="221"/>
      <c r="I94" s="221"/>
      <c r="J94" s="221"/>
      <c r="K94" s="221"/>
      <c r="L94" s="221"/>
      <c r="M94" s="149"/>
      <c r="N94" s="149"/>
      <c r="O94" s="149"/>
      <c r="P94" s="221"/>
    </row>
    <row r="95" spans="2:17">
      <c r="E95" s="221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2:17">
      <c r="E96" s="221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21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47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39"/>
  <sheetViews>
    <sheetView zoomScaleNormal="100" zoomScaleSheetLayoutView="115" workbookViewId="0">
      <pane ySplit="7" topLeftCell="A25" activePane="bottomLeft" state="frozen"/>
      <selection pane="bottomLeft" sqref="A1:D1"/>
    </sheetView>
  </sheetViews>
  <sheetFormatPr defaultRowHeight="13.5"/>
  <cols>
    <col min="1" max="1" width="0.83203125" style="9" customWidth="1"/>
    <col min="2" max="2" width="11.6640625" style="9" customWidth="1"/>
    <col min="3" max="3" width="0.83203125" style="9" customWidth="1"/>
    <col min="4" max="5" width="11" style="9" customWidth="1"/>
    <col min="6" max="10" width="10.33203125" style="9" customWidth="1"/>
    <col min="11" max="11" width="11" style="9" customWidth="1"/>
    <col min="12" max="13" width="10.83203125" style="9" customWidth="1"/>
    <col min="14" max="14" width="9.83203125" style="10" customWidth="1"/>
    <col min="15" max="15" width="9.83203125" style="9" customWidth="1"/>
    <col min="16" max="16384" width="9.33203125" style="9"/>
  </cols>
  <sheetData>
    <row r="1" spans="1:15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15" ht="12" customHeight="1"/>
    <row r="3" spans="1:15" ht="12" customHeight="1">
      <c r="B3" s="11" t="s">
        <v>36</v>
      </c>
    </row>
    <row r="4" spans="1:15" ht="21">
      <c r="B4" s="388" t="s">
        <v>37</v>
      </c>
      <c r="C4" s="388"/>
      <c r="D4" s="388"/>
      <c r="E4" s="388"/>
      <c r="F4" s="388"/>
      <c r="G4" s="388"/>
      <c r="H4" s="388"/>
      <c r="I4" s="388"/>
      <c r="J4" s="388"/>
      <c r="K4" s="388"/>
      <c r="L4" s="388"/>
      <c r="M4" s="388"/>
      <c r="N4" s="388"/>
    </row>
    <row r="5" spans="1:15" ht="18.75" customHeight="1" thickBot="1">
      <c r="B5" s="12"/>
      <c r="C5" s="12"/>
      <c r="D5" s="13"/>
      <c r="E5" s="13"/>
      <c r="F5" s="13"/>
      <c r="G5" s="13"/>
      <c r="H5" s="13"/>
      <c r="I5" s="13"/>
      <c r="J5" s="13"/>
      <c r="K5" s="13"/>
      <c r="L5" s="13"/>
      <c r="M5" s="13"/>
      <c r="N5" s="14"/>
    </row>
    <row r="6" spans="1:15" s="15" customFormat="1" ht="18" customHeight="1" thickTop="1">
      <c r="A6" s="389" t="s">
        <v>38</v>
      </c>
      <c r="B6" s="389"/>
      <c r="C6" s="390"/>
      <c r="D6" s="393" t="s">
        <v>39</v>
      </c>
      <c r="E6" s="395" t="s">
        <v>40</v>
      </c>
      <c r="F6" s="396"/>
      <c r="G6" s="396"/>
      <c r="H6" s="395" t="s">
        <v>41</v>
      </c>
      <c r="I6" s="396"/>
      <c r="J6" s="397"/>
      <c r="K6" s="398" t="s">
        <v>42</v>
      </c>
      <c r="L6" s="396"/>
      <c r="M6" s="396"/>
      <c r="N6" s="399" t="s">
        <v>43</v>
      </c>
    </row>
    <row r="7" spans="1:15" s="15" customFormat="1" ht="18" customHeight="1" thickBot="1">
      <c r="A7" s="391"/>
      <c r="B7" s="391"/>
      <c r="C7" s="392"/>
      <c r="D7" s="394"/>
      <c r="E7" s="16" t="s">
        <v>44</v>
      </c>
      <c r="F7" s="16" t="s">
        <v>45</v>
      </c>
      <c r="G7" s="16" t="s">
        <v>46</v>
      </c>
      <c r="H7" s="17" t="s">
        <v>47</v>
      </c>
      <c r="I7" s="17" t="s">
        <v>48</v>
      </c>
      <c r="J7" s="18" t="s">
        <v>49</v>
      </c>
      <c r="K7" s="19" t="s">
        <v>50</v>
      </c>
      <c r="L7" s="20" t="s">
        <v>51</v>
      </c>
      <c r="M7" s="16" t="s">
        <v>52</v>
      </c>
      <c r="N7" s="400"/>
      <c r="O7" s="21"/>
    </row>
    <row r="8" spans="1:15" s="15" customFormat="1" ht="34.9" customHeight="1" thickTop="1">
      <c r="B8" s="22" t="s">
        <v>53</v>
      </c>
      <c r="C8" s="22"/>
      <c r="D8" s="28">
        <v>1245012</v>
      </c>
      <c r="E8" s="28">
        <v>2628811</v>
      </c>
      <c r="F8" s="28">
        <v>1280325</v>
      </c>
      <c r="G8" s="28">
        <v>1348486</v>
      </c>
      <c r="H8" s="29">
        <v>315143</v>
      </c>
      <c r="I8" s="28">
        <v>1749851</v>
      </c>
      <c r="J8" s="28">
        <v>529692</v>
      </c>
      <c r="K8" s="30">
        <v>3581675</v>
      </c>
      <c r="L8" s="29">
        <v>2097218</v>
      </c>
      <c r="M8" s="28">
        <v>343470</v>
      </c>
      <c r="N8" s="31">
        <v>138</v>
      </c>
    </row>
    <row r="9" spans="1:15" s="15" customFormat="1" ht="9" customHeight="1">
      <c r="B9" s="23"/>
      <c r="C9" s="23"/>
      <c r="D9" s="32"/>
      <c r="E9" s="32"/>
      <c r="F9" s="32"/>
      <c r="G9" s="33"/>
      <c r="H9" s="32"/>
      <c r="I9" s="32"/>
      <c r="J9" s="32"/>
      <c r="K9" s="34"/>
      <c r="L9" s="33"/>
      <c r="M9" s="32"/>
      <c r="N9" s="35"/>
    </row>
    <row r="10" spans="1:15" s="15" customFormat="1" ht="29.25" customHeight="1">
      <c r="B10" s="24" t="s">
        <v>54</v>
      </c>
      <c r="C10" s="24"/>
      <c r="D10" s="32">
        <v>55081</v>
      </c>
      <c r="E10" s="32">
        <v>100385</v>
      </c>
      <c r="F10" s="32">
        <v>48404</v>
      </c>
      <c r="G10" s="32">
        <v>51981</v>
      </c>
      <c r="H10" s="32">
        <v>8688</v>
      </c>
      <c r="I10" s="32">
        <v>70786</v>
      </c>
      <c r="J10" s="32">
        <v>17653</v>
      </c>
      <c r="K10" s="34">
        <v>418061</v>
      </c>
      <c r="L10" s="33">
        <v>349458</v>
      </c>
      <c r="M10" s="32">
        <v>27762</v>
      </c>
      <c r="N10" s="36">
        <v>430.4</v>
      </c>
    </row>
    <row r="11" spans="1:15" s="15" customFormat="1" ht="29.25" customHeight="1">
      <c r="B11" s="24" t="s">
        <v>55</v>
      </c>
      <c r="C11" s="24"/>
      <c r="D11" s="32">
        <v>46499</v>
      </c>
      <c r="E11" s="32">
        <v>99831</v>
      </c>
      <c r="F11" s="32">
        <v>48623</v>
      </c>
      <c r="G11" s="32">
        <v>51208</v>
      </c>
      <c r="H11" s="32">
        <v>11631</v>
      </c>
      <c r="I11" s="32">
        <v>70065</v>
      </c>
      <c r="J11" s="32">
        <v>17974</v>
      </c>
      <c r="K11" s="34">
        <v>99985</v>
      </c>
      <c r="L11" s="33">
        <v>47034</v>
      </c>
      <c r="M11" s="32">
        <v>10365</v>
      </c>
      <c r="N11" s="36">
        <v>100.3</v>
      </c>
    </row>
    <row r="12" spans="1:15" s="15" customFormat="1" ht="29.25" customHeight="1">
      <c r="B12" s="24" t="s">
        <v>56</v>
      </c>
      <c r="C12" s="24"/>
      <c r="D12" s="32">
        <v>29624</v>
      </c>
      <c r="E12" s="32">
        <v>60959</v>
      </c>
      <c r="F12" s="32">
        <v>28893</v>
      </c>
      <c r="G12" s="32">
        <v>32066</v>
      </c>
      <c r="H12" s="32">
        <v>6869</v>
      </c>
      <c r="I12" s="32">
        <v>41919</v>
      </c>
      <c r="J12" s="32">
        <v>11424</v>
      </c>
      <c r="K12" s="34">
        <v>86675</v>
      </c>
      <c r="L12" s="33">
        <v>55493</v>
      </c>
      <c r="M12" s="32">
        <v>6521</v>
      </c>
      <c r="N12" s="36">
        <v>143.9</v>
      </c>
    </row>
    <row r="13" spans="1:15" s="15" customFormat="1" ht="29.25" customHeight="1">
      <c r="B13" s="24" t="s">
        <v>57</v>
      </c>
      <c r="C13" s="24"/>
      <c r="D13" s="32">
        <v>27815</v>
      </c>
      <c r="E13" s="32">
        <v>63809</v>
      </c>
      <c r="F13" s="32">
        <v>30993</v>
      </c>
      <c r="G13" s="32">
        <v>32816</v>
      </c>
      <c r="H13" s="32">
        <v>8183</v>
      </c>
      <c r="I13" s="32">
        <v>41755</v>
      </c>
      <c r="J13" s="32">
        <v>13622</v>
      </c>
      <c r="K13" s="34">
        <v>75986</v>
      </c>
      <c r="L13" s="33">
        <v>42990</v>
      </c>
      <c r="M13" s="32">
        <v>5888</v>
      </c>
      <c r="N13" s="36">
        <v>119.6</v>
      </c>
    </row>
    <row r="14" spans="1:15" s="15" customFormat="1" ht="29.25" customHeight="1">
      <c r="B14" s="24" t="s">
        <v>58</v>
      </c>
      <c r="C14" s="24"/>
      <c r="D14" s="32">
        <v>40419</v>
      </c>
      <c r="E14" s="32">
        <v>66818</v>
      </c>
      <c r="F14" s="32">
        <v>30956</v>
      </c>
      <c r="G14" s="32">
        <v>35862</v>
      </c>
      <c r="H14" s="32">
        <v>5071</v>
      </c>
      <c r="I14" s="32">
        <v>49479</v>
      </c>
      <c r="J14" s="32">
        <v>12181</v>
      </c>
      <c r="K14" s="34">
        <v>508343</v>
      </c>
      <c r="L14" s="33">
        <v>457700</v>
      </c>
      <c r="M14" s="32">
        <v>19697</v>
      </c>
      <c r="N14" s="36">
        <v>761.8</v>
      </c>
    </row>
    <row r="15" spans="1:15" s="15" customFormat="1" ht="29.25" customHeight="1">
      <c r="B15" s="24" t="s">
        <v>59</v>
      </c>
      <c r="C15" s="24"/>
      <c r="D15" s="32">
        <v>41808</v>
      </c>
      <c r="E15" s="32">
        <v>72591</v>
      </c>
      <c r="F15" s="32">
        <v>34491</v>
      </c>
      <c r="G15" s="32">
        <v>38100</v>
      </c>
      <c r="H15" s="32">
        <v>6695</v>
      </c>
      <c r="I15" s="32">
        <v>44946</v>
      </c>
      <c r="J15" s="32">
        <v>10553</v>
      </c>
      <c r="K15" s="34">
        <v>170004</v>
      </c>
      <c r="L15" s="33">
        <v>137857</v>
      </c>
      <c r="M15" s="32">
        <v>8897</v>
      </c>
      <c r="N15" s="36">
        <v>273.3</v>
      </c>
    </row>
    <row r="16" spans="1:15" s="15" customFormat="1" ht="29.25" customHeight="1">
      <c r="B16" s="24" t="s">
        <v>60</v>
      </c>
      <c r="C16" s="24"/>
      <c r="D16" s="32">
        <v>37702</v>
      </c>
      <c r="E16" s="32">
        <v>83191</v>
      </c>
      <c r="F16" s="32">
        <v>40718</v>
      </c>
      <c r="G16" s="32">
        <v>42473</v>
      </c>
      <c r="H16" s="37">
        <v>10281</v>
      </c>
      <c r="I16" s="37">
        <v>55569</v>
      </c>
      <c r="J16" s="37">
        <v>17209</v>
      </c>
      <c r="K16" s="38">
        <v>89057</v>
      </c>
      <c r="L16" s="39">
        <v>45315</v>
      </c>
      <c r="M16" s="37">
        <v>8411</v>
      </c>
      <c r="N16" s="36">
        <v>107.2</v>
      </c>
    </row>
    <row r="17" spans="2:14" s="15" customFormat="1" ht="29.25" customHeight="1">
      <c r="B17" s="24" t="s">
        <v>61</v>
      </c>
      <c r="C17" s="24"/>
      <c r="D17" s="32">
        <v>30965</v>
      </c>
      <c r="E17" s="32">
        <v>73207</v>
      </c>
      <c r="F17" s="32">
        <v>36144</v>
      </c>
      <c r="G17" s="32">
        <v>37063</v>
      </c>
      <c r="H17" s="37">
        <v>9176</v>
      </c>
      <c r="I17" s="37">
        <v>48676</v>
      </c>
      <c r="J17" s="37">
        <v>15330</v>
      </c>
      <c r="K17" s="38">
        <v>73983</v>
      </c>
      <c r="L17" s="39">
        <v>34797</v>
      </c>
      <c r="M17" s="37">
        <v>7465</v>
      </c>
      <c r="N17" s="36">
        <v>101.1</v>
      </c>
    </row>
    <row r="18" spans="2:14" s="15" customFormat="1" ht="29.25" customHeight="1">
      <c r="B18" s="24" t="s">
        <v>62</v>
      </c>
      <c r="C18" s="24"/>
      <c r="D18" s="32">
        <v>30965</v>
      </c>
      <c r="E18" s="32">
        <v>64137</v>
      </c>
      <c r="F18" s="32">
        <v>29813</v>
      </c>
      <c r="G18" s="32">
        <v>34324</v>
      </c>
      <c r="H18" s="32">
        <v>8140</v>
      </c>
      <c r="I18" s="32">
        <v>44419</v>
      </c>
      <c r="J18" s="32">
        <v>11387</v>
      </c>
      <c r="K18" s="34">
        <v>120623</v>
      </c>
      <c r="L18" s="33">
        <v>65170</v>
      </c>
      <c r="M18" s="32">
        <v>29621</v>
      </c>
      <c r="N18" s="36">
        <v>188.6</v>
      </c>
    </row>
    <row r="19" spans="2:14" s="15" customFormat="1" ht="29.25" customHeight="1">
      <c r="B19" s="24" t="s">
        <v>63</v>
      </c>
      <c r="C19" s="24"/>
      <c r="D19" s="32">
        <v>34279</v>
      </c>
      <c r="E19" s="32">
        <v>54174</v>
      </c>
      <c r="F19" s="32">
        <v>27694</v>
      </c>
      <c r="G19" s="32">
        <v>26480</v>
      </c>
      <c r="H19" s="32">
        <v>3494</v>
      </c>
      <c r="I19" s="32">
        <v>37094</v>
      </c>
      <c r="J19" s="32">
        <v>10734</v>
      </c>
      <c r="K19" s="34">
        <v>94124</v>
      </c>
      <c r="L19" s="33">
        <v>60789</v>
      </c>
      <c r="M19" s="32">
        <v>6093</v>
      </c>
      <c r="N19" s="36">
        <v>183.4</v>
      </c>
    </row>
    <row r="20" spans="2:14" s="15" customFormat="1" ht="29.25" customHeight="1">
      <c r="B20" s="24" t="s">
        <v>64</v>
      </c>
      <c r="C20" s="24"/>
      <c r="D20" s="32">
        <v>40825</v>
      </c>
      <c r="E20" s="32">
        <v>95662</v>
      </c>
      <c r="F20" s="32">
        <v>47341</v>
      </c>
      <c r="G20" s="32">
        <v>48321</v>
      </c>
      <c r="H20" s="32">
        <v>13321</v>
      </c>
      <c r="I20" s="32">
        <v>63586</v>
      </c>
      <c r="J20" s="32">
        <v>17994</v>
      </c>
      <c r="K20" s="34">
        <v>99584</v>
      </c>
      <c r="L20" s="33">
        <v>50072</v>
      </c>
      <c r="M20" s="32">
        <v>9379</v>
      </c>
      <c r="N20" s="36">
        <v>104.9</v>
      </c>
    </row>
    <row r="21" spans="2:14" s="15" customFormat="1" ht="29.25" customHeight="1">
      <c r="B21" s="24" t="s">
        <v>65</v>
      </c>
      <c r="C21" s="24"/>
      <c r="D21" s="32">
        <v>85217</v>
      </c>
      <c r="E21" s="32">
        <v>169222</v>
      </c>
      <c r="F21" s="32">
        <v>83713</v>
      </c>
      <c r="G21" s="32">
        <v>85509</v>
      </c>
      <c r="H21" s="32">
        <v>18509</v>
      </c>
      <c r="I21" s="32">
        <v>119919</v>
      </c>
      <c r="J21" s="32">
        <v>29260</v>
      </c>
      <c r="K21" s="34">
        <v>220375</v>
      </c>
      <c r="L21" s="33">
        <v>130622</v>
      </c>
      <c r="M21" s="32">
        <v>19492</v>
      </c>
      <c r="N21" s="36">
        <v>131.4</v>
      </c>
    </row>
    <row r="22" spans="2:14" s="15" customFormat="1" ht="29.25" customHeight="1">
      <c r="B22" s="24" t="s">
        <v>66</v>
      </c>
      <c r="C22" s="24"/>
      <c r="D22" s="32">
        <v>89430</v>
      </c>
      <c r="E22" s="32">
        <v>178343</v>
      </c>
      <c r="F22" s="32">
        <v>88877</v>
      </c>
      <c r="G22" s="32">
        <v>89466</v>
      </c>
      <c r="H22" s="32">
        <v>21422</v>
      </c>
      <c r="I22" s="32">
        <v>125636</v>
      </c>
      <c r="J22" s="32">
        <v>30493</v>
      </c>
      <c r="K22" s="34">
        <v>163847</v>
      </c>
      <c r="L22" s="33">
        <v>63427</v>
      </c>
      <c r="M22" s="32">
        <v>22252</v>
      </c>
      <c r="N22" s="36">
        <v>92.3</v>
      </c>
    </row>
    <row r="23" spans="2:14" s="15" customFormat="1" ht="29.25" customHeight="1">
      <c r="B23" s="24" t="s">
        <v>67</v>
      </c>
      <c r="C23" s="24"/>
      <c r="D23" s="32">
        <v>36304</v>
      </c>
      <c r="E23" s="32">
        <v>78929</v>
      </c>
      <c r="F23" s="32">
        <v>37542</v>
      </c>
      <c r="G23" s="32">
        <v>41387</v>
      </c>
      <c r="H23" s="32">
        <v>9353</v>
      </c>
      <c r="I23" s="32">
        <v>51500</v>
      </c>
      <c r="J23" s="32">
        <v>16723</v>
      </c>
      <c r="K23" s="34">
        <v>79510</v>
      </c>
      <c r="L23" s="33">
        <v>41903</v>
      </c>
      <c r="M23" s="32">
        <v>5904</v>
      </c>
      <c r="N23" s="36">
        <v>102.5</v>
      </c>
    </row>
    <row r="24" spans="2:14" s="15" customFormat="1" ht="29.25" customHeight="1">
      <c r="B24" s="24" t="s">
        <v>68</v>
      </c>
      <c r="C24" s="24"/>
      <c r="D24" s="32">
        <v>61635</v>
      </c>
      <c r="E24" s="32">
        <v>138564</v>
      </c>
      <c r="F24" s="32">
        <v>66123</v>
      </c>
      <c r="G24" s="32">
        <v>72441</v>
      </c>
      <c r="H24" s="32">
        <v>15744</v>
      </c>
      <c r="I24" s="32">
        <v>86091</v>
      </c>
      <c r="J24" s="32">
        <v>32401</v>
      </c>
      <c r="K24" s="34">
        <v>129014</v>
      </c>
      <c r="L24" s="33">
        <v>55226</v>
      </c>
      <c r="M24" s="32">
        <v>15069</v>
      </c>
      <c r="N24" s="36">
        <v>96.1</v>
      </c>
    </row>
    <row r="25" spans="2:14" s="15" customFormat="1" ht="29.25" customHeight="1">
      <c r="B25" s="24" t="s">
        <v>69</v>
      </c>
      <c r="C25" s="24"/>
      <c r="D25" s="32">
        <v>43628</v>
      </c>
      <c r="E25" s="32">
        <v>95204</v>
      </c>
      <c r="F25" s="32">
        <v>45520</v>
      </c>
      <c r="G25" s="32">
        <v>49684</v>
      </c>
      <c r="H25" s="32">
        <v>10873</v>
      </c>
      <c r="I25" s="32">
        <v>61818</v>
      </c>
      <c r="J25" s="32">
        <v>22368</v>
      </c>
      <c r="K25" s="34">
        <v>86102</v>
      </c>
      <c r="L25" s="33">
        <v>30735</v>
      </c>
      <c r="M25" s="32">
        <v>14175</v>
      </c>
      <c r="N25" s="36">
        <v>90.6</v>
      </c>
    </row>
    <row r="26" spans="2:14" s="15" customFormat="1" ht="29.25" customHeight="1">
      <c r="B26" s="24" t="s">
        <v>70</v>
      </c>
      <c r="C26" s="24"/>
      <c r="D26" s="32">
        <v>71458</v>
      </c>
      <c r="E26" s="32">
        <v>160925</v>
      </c>
      <c r="F26" s="32">
        <v>76983</v>
      </c>
      <c r="G26" s="32">
        <v>83942</v>
      </c>
      <c r="H26" s="32">
        <v>20892</v>
      </c>
      <c r="I26" s="32">
        <v>107586</v>
      </c>
      <c r="J26" s="32">
        <v>31221</v>
      </c>
      <c r="K26" s="34">
        <v>142823</v>
      </c>
      <c r="L26" s="33">
        <v>60328</v>
      </c>
      <c r="M26" s="32">
        <v>16606</v>
      </c>
      <c r="N26" s="36">
        <v>89.4</v>
      </c>
    </row>
    <row r="27" spans="2:14" s="15" customFormat="1" ht="29.25" customHeight="1">
      <c r="B27" s="24" t="s">
        <v>71</v>
      </c>
      <c r="C27" s="24"/>
      <c r="D27" s="32">
        <v>42514</v>
      </c>
      <c r="E27" s="32">
        <v>107419</v>
      </c>
      <c r="F27" s="32">
        <v>51977</v>
      </c>
      <c r="G27" s="32">
        <v>55442</v>
      </c>
      <c r="H27" s="32">
        <v>17956</v>
      </c>
      <c r="I27" s="32">
        <v>70750</v>
      </c>
      <c r="J27" s="32">
        <v>18167</v>
      </c>
      <c r="K27" s="34">
        <v>92793</v>
      </c>
      <c r="L27" s="33">
        <v>37106</v>
      </c>
      <c r="M27" s="32">
        <v>11380</v>
      </c>
      <c r="N27" s="36">
        <v>86.8</v>
      </c>
    </row>
    <row r="28" spans="2:14" s="15" customFormat="1" ht="29.25" customHeight="1">
      <c r="B28" s="24" t="s">
        <v>72</v>
      </c>
      <c r="C28" s="24"/>
      <c r="D28" s="32">
        <v>47795</v>
      </c>
      <c r="E28" s="32">
        <v>107354</v>
      </c>
      <c r="F28" s="32">
        <v>49901</v>
      </c>
      <c r="G28" s="32">
        <v>57453</v>
      </c>
      <c r="H28" s="32">
        <v>13338</v>
      </c>
      <c r="I28" s="32">
        <v>69087</v>
      </c>
      <c r="J28" s="32">
        <v>24283</v>
      </c>
      <c r="K28" s="34">
        <v>115815</v>
      </c>
      <c r="L28" s="33">
        <v>50323</v>
      </c>
      <c r="M28" s="32">
        <v>19867</v>
      </c>
      <c r="N28" s="36">
        <v>108.5</v>
      </c>
    </row>
    <row r="29" spans="2:14" s="15" customFormat="1" ht="29.25" customHeight="1">
      <c r="B29" s="24" t="s">
        <v>73</v>
      </c>
      <c r="C29" s="24"/>
      <c r="D29" s="32">
        <v>54906</v>
      </c>
      <c r="E29" s="32">
        <v>130627</v>
      </c>
      <c r="F29" s="32">
        <v>62873</v>
      </c>
      <c r="G29" s="32">
        <v>67754</v>
      </c>
      <c r="H29" s="32">
        <v>17234</v>
      </c>
      <c r="I29" s="32">
        <v>88716</v>
      </c>
      <c r="J29" s="32">
        <v>24470</v>
      </c>
      <c r="K29" s="34">
        <v>140556</v>
      </c>
      <c r="L29" s="33">
        <v>71836</v>
      </c>
      <c r="M29" s="32">
        <v>13346</v>
      </c>
      <c r="N29" s="36">
        <v>107.8</v>
      </c>
    </row>
    <row r="30" spans="2:14" s="15" customFormat="1" ht="29.25" customHeight="1">
      <c r="B30" s="24" t="s">
        <v>74</v>
      </c>
      <c r="C30" s="24"/>
      <c r="D30" s="32">
        <v>72959</v>
      </c>
      <c r="E30" s="32">
        <v>158999</v>
      </c>
      <c r="F30" s="32">
        <v>74810</v>
      </c>
      <c r="G30" s="32">
        <v>84189</v>
      </c>
      <c r="H30" s="32">
        <v>20711</v>
      </c>
      <c r="I30" s="32">
        <v>103258</v>
      </c>
      <c r="J30" s="32">
        <v>34209</v>
      </c>
      <c r="K30" s="34">
        <v>140039</v>
      </c>
      <c r="L30" s="33">
        <v>44548</v>
      </c>
      <c r="M30" s="32">
        <v>23428</v>
      </c>
      <c r="N30" s="36">
        <v>88.5</v>
      </c>
    </row>
    <row r="31" spans="2:14" s="15" customFormat="1" ht="29.25" customHeight="1">
      <c r="B31" s="24" t="s">
        <v>75</v>
      </c>
      <c r="C31" s="24"/>
      <c r="D31" s="32">
        <v>60347</v>
      </c>
      <c r="E31" s="32">
        <v>135016</v>
      </c>
      <c r="F31" s="32">
        <v>64031</v>
      </c>
      <c r="G31" s="32">
        <v>70985</v>
      </c>
      <c r="H31" s="32">
        <v>16990</v>
      </c>
      <c r="I31" s="32">
        <v>86137</v>
      </c>
      <c r="J31" s="32">
        <v>31042</v>
      </c>
      <c r="K31" s="34">
        <v>118358</v>
      </c>
      <c r="L31" s="33">
        <v>45677</v>
      </c>
      <c r="M31" s="32">
        <v>12752</v>
      </c>
      <c r="N31" s="36">
        <v>88.2</v>
      </c>
    </row>
    <row r="32" spans="2:14" s="15" customFormat="1" ht="29.25" customHeight="1">
      <c r="B32" s="24" t="s">
        <v>76</v>
      </c>
      <c r="C32" s="24"/>
      <c r="D32" s="32">
        <v>83842</v>
      </c>
      <c r="E32" s="32">
        <v>200678</v>
      </c>
      <c r="F32" s="32">
        <v>95866</v>
      </c>
      <c r="G32" s="32">
        <v>104812</v>
      </c>
      <c r="H32" s="32">
        <v>30680</v>
      </c>
      <c r="I32" s="32">
        <v>129243</v>
      </c>
      <c r="J32" s="32">
        <v>40394</v>
      </c>
      <c r="K32" s="34">
        <v>185484</v>
      </c>
      <c r="L32" s="33">
        <v>72769</v>
      </c>
      <c r="M32" s="32">
        <v>21678</v>
      </c>
      <c r="N32" s="36">
        <v>92.6</v>
      </c>
    </row>
    <row r="33" spans="2:14" s="15" customFormat="1" ht="29.25" customHeight="1">
      <c r="B33" s="25" t="s">
        <v>77</v>
      </c>
      <c r="C33" s="25"/>
      <c r="D33" s="40">
        <v>78995</v>
      </c>
      <c r="E33" s="40">
        <v>132767</v>
      </c>
      <c r="F33" s="40">
        <v>78039</v>
      </c>
      <c r="G33" s="40">
        <v>54728</v>
      </c>
      <c r="H33" s="41">
        <v>9892</v>
      </c>
      <c r="I33" s="40">
        <v>81816</v>
      </c>
      <c r="J33" s="40">
        <v>38600</v>
      </c>
      <c r="K33" s="42">
        <v>130534</v>
      </c>
      <c r="L33" s="41">
        <v>46043</v>
      </c>
      <c r="M33" s="40">
        <v>7422</v>
      </c>
      <c r="N33" s="43">
        <v>100.2</v>
      </c>
    </row>
    <row r="34" spans="2:14" s="27" customFormat="1" ht="19.899999999999999" customHeight="1">
      <c r="N34" s="26"/>
    </row>
    <row r="35" spans="2:14" ht="29.45" customHeight="1"/>
    <row r="36" spans="2:14" ht="29.45" customHeight="1"/>
    <row r="37" spans="2:14" ht="29.45" customHeight="1"/>
    <row r="38" spans="2:14" ht="29.45" customHeight="1"/>
    <row r="39" spans="2:14" ht="35.450000000000003" customHeight="1"/>
  </sheetData>
  <mergeCells count="8">
    <mergeCell ref="A1:D1"/>
    <mergeCell ref="B4:N4"/>
    <mergeCell ref="A6:C7"/>
    <mergeCell ref="D6:D7"/>
    <mergeCell ref="E6:G6"/>
    <mergeCell ref="H6:J6"/>
    <mergeCell ref="K6:M6"/>
    <mergeCell ref="N6:N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orientation="portrait" horizontalDpi="300" verticalDpi="360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27"/>
  <sheetViews>
    <sheetView zoomScaleNormal="100" zoomScaleSheetLayoutView="130" workbookViewId="0">
      <pane ySplit="8" topLeftCell="A14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229" customWidth="1"/>
    <col min="6" max="6" width="9.1640625" style="44" customWidth="1"/>
    <col min="7" max="7" width="11.33203125" style="44" customWidth="1"/>
    <col min="8" max="8" width="9.6640625" style="44" customWidth="1"/>
    <col min="9" max="9" width="9.83203125" style="44" customWidth="1"/>
    <col min="10" max="12" width="9.6640625" style="44" customWidth="1"/>
    <col min="13" max="13" width="10.1640625" style="45" customWidth="1"/>
    <col min="14" max="15" width="9.83203125" style="45" customWidth="1"/>
    <col min="16" max="16" width="10.664062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578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24.75" customHeight="1">
      <c r="B9" s="455" t="s">
        <v>92</v>
      </c>
      <c r="C9" s="466"/>
      <c r="D9" s="356"/>
      <c r="E9" s="364"/>
      <c r="F9" s="152">
        <v>42514</v>
      </c>
      <c r="G9" s="152">
        <v>107419</v>
      </c>
      <c r="H9" s="152">
        <v>51977</v>
      </c>
      <c r="I9" s="81">
        <v>55442</v>
      </c>
      <c r="J9" s="346">
        <v>17956</v>
      </c>
      <c r="K9" s="83">
        <v>70750</v>
      </c>
      <c r="L9" s="287">
        <v>18167</v>
      </c>
      <c r="M9" s="347">
        <v>92793</v>
      </c>
      <c r="N9" s="85">
        <v>37106</v>
      </c>
      <c r="O9" s="85">
        <v>11380</v>
      </c>
      <c r="P9" s="86">
        <v>86.8</v>
      </c>
    </row>
    <row r="10" spans="1:22" s="219" customFormat="1" ht="3.75" customHeight="1">
      <c r="B10" s="348"/>
      <c r="C10" s="373"/>
      <c r="D10" s="350"/>
      <c r="E10" s="108"/>
      <c r="F10" s="91"/>
      <c r="G10" s="91"/>
      <c r="H10" s="91"/>
      <c r="I10" s="105"/>
      <c r="J10" s="123"/>
      <c r="K10" s="94"/>
      <c r="L10" s="132"/>
      <c r="M10" s="351"/>
      <c r="N10" s="96"/>
      <c r="O10" s="96"/>
      <c r="P10" s="106"/>
    </row>
    <row r="11" spans="1:22" s="219" customFormat="1" ht="24.75" customHeight="1">
      <c r="B11" s="348" t="s">
        <v>579</v>
      </c>
      <c r="C11" s="373" t="s">
        <v>26</v>
      </c>
      <c r="D11" s="350"/>
      <c r="E11" s="108"/>
      <c r="F11" s="91">
        <v>1146</v>
      </c>
      <c r="G11" s="91">
        <v>2784</v>
      </c>
      <c r="H11" s="91">
        <v>1374</v>
      </c>
      <c r="I11" s="105">
        <v>1410</v>
      </c>
      <c r="J11" s="123">
        <v>462</v>
      </c>
      <c r="K11" s="94">
        <v>1916</v>
      </c>
      <c r="L11" s="132">
        <v>377</v>
      </c>
      <c r="M11" s="351">
        <v>2100</v>
      </c>
      <c r="N11" s="96">
        <v>1098</v>
      </c>
      <c r="O11" s="277">
        <v>0</v>
      </c>
      <c r="P11" s="106">
        <v>76.2</v>
      </c>
      <c r="T11" s="218"/>
      <c r="U11" s="218"/>
      <c r="V11" s="218"/>
    </row>
    <row r="12" spans="1:22" s="219" customFormat="1" ht="24.75" customHeight="1">
      <c r="B12" s="348"/>
      <c r="C12" s="373" t="s">
        <v>27</v>
      </c>
      <c r="D12" s="350"/>
      <c r="E12" s="108"/>
      <c r="F12" s="91">
        <v>354</v>
      </c>
      <c r="G12" s="91">
        <v>970</v>
      </c>
      <c r="H12" s="91">
        <v>499</v>
      </c>
      <c r="I12" s="105">
        <v>471</v>
      </c>
      <c r="J12" s="123">
        <v>230</v>
      </c>
      <c r="K12" s="94">
        <v>642</v>
      </c>
      <c r="L12" s="132">
        <v>88</v>
      </c>
      <c r="M12" s="351">
        <v>2184</v>
      </c>
      <c r="N12" s="96">
        <v>590</v>
      </c>
      <c r="O12" s="96">
        <v>1213</v>
      </c>
      <c r="P12" s="106">
        <v>227.5</v>
      </c>
      <c r="T12" s="218"/>
      <c r="U12" s="218"/>
      <c r="V12" s="218"/>
    </row>
    <row r="13" spans="1:22" s="219" customFormat="1" ht="24.75" customHeight="1">
      <c r="B13" s="348"/>
      <c r="C13" s="373" t="s">
        <v>28</v>
      </c>
      <c r="D13" s="350"/>
      <c r="E13" s="108"/>
      <c r="F13" s="91">
        <v>641</v>
      </c>
      <c r="G13" s="91">
        <v>1629</v>
      </c>
      <c r="H13" s="91">
        <v>814</v>
      </c>
      <c r="I13" s="105">
        <v>815</v>
      </c>
      <c r="J13" s="123">
        <v>263</v>
      </c>
      <c r="K13" s="94">
        <v>1048</v>
      </c>
      <c r="L13" s="132">
        <v>310</v>
      </c>
      <c r="M13" s="351">
        <v>1385</v>
      </c>
      <c r="N13" s="96">
        <v>800</v>
      </c>
      <c r="O13" s="277">
        <v>0</v>
      </c>
      <c r="P13" s="106">
        <v>85.4</v>
      </c>
      <c r="T13" s="218"/>
      <c r="U13" s="218"/>
      <c r="V13" s="218"/>
    </row>
    <row r="14" spans="1:22" s="219" customFormat="1" ht="24.75" customHeight="1">
      <c r="B14" s="348"/>
      <c r="C14" s="373" t="s">
        <v>29</v>
      </c>
      <c r="D14" s="350"/>
      <c r="E14" s="108"/>
      <c r="F14" s="91">
        <v>164</v>
      </c>
      <c r="G14" s="91">
        <v>417</v>
      </c>
      <c r="H14" s="91">
        <v>207</v>
      </c>
      <c r="I14" s="105">
        <v>210</v>
      </c>
      <c r="J14" s="123">
        <v>58</v>
      </c>
      <c r="K14" s="94">
        <v>295</v>
      </c>
      <c r="L14" s="132">
        <v>64</v>
      </c>
      <c r="M14" s="351">
        <v>383</v>
      </c>
      <c r="N14" s="96">
        <v>240</v>
      </c>
      <c r="O14" s="277">
        <v>0</v>
      </c>
      <c r="P14" s="106">
        <v>91.8</v>
      </c>
      <c r="T14" s="218"/>
      <c r="U14" s="218"/>
      <c r="V14" s="218"/>
    </row>
    <row r="15" spans="1:22" s="219" customFormat="1" ht="24.75" customHeight="1">
      <c r="B15" s="348" t="s">
        <v>71</v>
      </c>
      <c r="C15" s="373" t="s">
        <v>26</v>
      </c>
      <c r="D15" s="350"/>
      <c r="E15" s="108"/>
      <c r="F15" s="91">
        <v>630</v>
      </c>
      <c r="G15" s="91">
        <v>1732</v>
      </c>
      <c r="H15" s="91">
        <v>815</v>
      </c>
      <c r="I15" s="105">
        <v>917</v>
      </c>
      <c r="J15" s="123">
        <v>201</v>
      </c>
      <c r="K15" s="94">
        <v>1141</v>
      </c>
      <c r="L15" s="132">
        <v>379</v>
      </c>
      <c r="M15" s="351">
        <v>1421</v>
      </c>
      <c r="N15" s="96">
        <v>719</v>
      </c>
      <c r="O15" s="277">
        <v>0</v>
      </c>
      <c r="P15" s="106">
        <v>82.6</v>
      </c>
      <c r="T15" s="218"/>
      <c r="U15" s="218"/>
      <c r="V15" s="218"/>
    </row>
    <row r="16" spans="1:22" s="219" customFormat="1" ht="24.75" customHeight="1">
      <c r="B16" s="348"/>
      <c r="C16" s="373" t="s">
        <v>27</v>
      </c>
      <c r="D16" s="350"/>
      <c r="E16" s="108"/>
      <c r="F16" s="91">
        <v>1214</v>
      </c>
      <c r="G16" s="91">
        <v>2797</v>
      </c>
      <c r="H16" s="91">
        <v>1274</v>
      </c>
      <c r="I16" s="105">
        <v>1523</v>
      </c>
      <c r="J16" s="123">
        <v>318</v>
      </c>
      <c r="K16" s="94">
        <v>1682</v>
      </c>
      <c r="L16" s="132">
        <v>797</v>
      </c>
      <c r="M16" s="351">
        <v>2153</v>
      </c>
      <c r="N16" s="96">
        <v>446</v>
      </c>
      <c r="O16" s="96">
        <v>401</v>
      </c>
      <c r="P16" s="106">
        <v>77</v>
      </c>
      <c r="T16" s="218"/>
      <c r="U16" s="218"/>
      <c r="V16" s="218"/>
    </row>
    <row r="17" spans="2:22" s="219" customFormat="1" ht="24.75" customHeight="1">
      <c r="B17" s="348"/>
      <c r="C17" s="373" t="s">
        <v>28</v>
      </c>
      <c r="D17" s="350"/>
      <c r="E17" s="108"/>
      <c r="F17" s="91">
        <v>1485</v>
      </c>
      <c r="G17" s="91">
        <v>3684</v>
      </c>
      <c r="H17" s="91">
        <v>1749</v>
      </c>
      <c r="I17" s="105">
        <v>1935</v>
      </c>
      <c r="J17" s="123">
        <v>608</v>
      </c>
      <c r="K17" s="94">
        <v>2604</v>
      </c>
      <c r="L17" s="132">
        <v>468</v>
      </c>
      <c r="M17" s="351">
        <v>2383</v>
      </c>
      <c r="N17" s="96">
        <v>1094</v>
      </c>
      <c r="O17" s="277">
        <v>0</v>
      </c>
      <c r="P17" s="106">
        <v>64.8</v>
      </c>
      <c r="T17" s="218"/>
      <c r="U17" s="218"/>
      <c r="V17" s="218"/>
    </row>
    <row r="18" spans="2:22" s="219" customFormat="1" ht="24.75" customHeight="1">
      <c r="B18" s="348"/>
      <c r="C18" s="373" t="s">
        <v>29</v>
      </c>
      <c r="D18" s="350"/>
      <c r="E18" s="108"/>
      <c r="F18" s="91">
        <v>1129</v>
      </c>
      <c r="G18" s="91">
        <v>2687</v>
      </c>
      <c r="H18" s="91">
        <v>1265</v>
      </c>
      <c r="I18" s="105">
        <v>1422</v>
      </c>
      <c r="J18" s="123">
        <v>449</v>
      </c>
      <c r="K18" s="94">
        <v>1895</v>
      </c>
      <c r="L18" s="132">
        <v>341</v>
      </c>
      <c r="M18" s="351">
        <v>3853</v>
      </c>
      <c r="N18" s="96">
        <v>2522</v>
      </c>
      <c r="O18" s="96">
        <v>326</v>
      </c>
      <c r="P18" s="106">
        <v>143.5</v>
      </c>
      <c r="T18" s="218"/>
      <c r="U18" s="218"/>
      <c r="V18" s="218"/>
    </row>
    <row r="19" spans="2:22" s="219" customFormat="1" ht="24.75" customHeight="1">
      <c r="B19" s="348"/>
      <c r="C19" s="373" t="s">
        <v>30</v>
      </c>
      <c r="D19" s="350"/>
      <c r="E19" s="108"/>
      <c r="F19" s="91">
        <v>1152</v>
      </c>
      <c r="G19" s="91">
        <v>2960</v>
      </c>
      <c r="H19" s="91">
        <v>1424</v>
      </c>
      <c r="I19" s="105">
        <v>1536</v>
      </c>
      <c r="J19" s="123">
        <v>473</v>
      </c>
      <c r="K19" s="94">
        <v>2117</v>
      </c>
      <c r="L19" s="132">
        <v>370</v>
      </c>
      <c r="M19" s="351">
        <v>1478</v>
      </c>
      <c r="N19" s="96">
        <v>422</v>
      </c>
      <c r="O19" s="96">
        <v>0</v>
      </c>
      <c r="P19" s="106">
        <v>49.9</v>
      </c>
      <c r="T19" s="218"/>
      <c r="U19" s="218"/>
      <c r="V19" s="218"/>
    </row>
    <row r="20" spans="2:22" s="219" customFormat="1" ht="24.75" customHeight="1">
      <c r="B20" s="348"/>
      <c r="C20" s="373" t="s">
        <v>31</v>
      </c>
      <c r="D20" s="350"/>
      <c r="E20" s="108"/>
      <c r="F20" s="91">
        <v>382</v>
      </c>
      <c r="G20" s="91">
        <v>937</v>
      </c>
      <c r="H20" s="91">
        <v>470</v>
      </c>
      <c r="I20" s="105">
        <v>467</v>
      </c>
      <c r="J20" s="123">
        <v>195</v>
      </c>
      <c r="K20" s="94">
        <v>658</v>
      </c>
      <c r="L20" s="132">
        <v>84</v>
      </c>
      <c r="M20" s="351">
        <v>1365</v>
      </c>
      <c r="N20" s="96">
        <v>474</v>
      </c>
      <c r="O20" s="96">
        <v>500</v>
      </c>
      <c r="P20" s="106">
        <v>145.69999999999999</v>
      </c>
      <c r="T20" s="218"/>
      <c r="U20" s="218"/>
      <c r="V20" s="218"/>
    </row>
    <row r="21" spans="2:22" s="219" customFormat="1" ht="24.75" customHeight="1">
      <c r="B21" s="348" t="s">
        <v>580</v>
      </c>
      <c r="C21" s="373" t="s">
        <v>26</v>
      </c>
      <c r="D21" s="350"/>
      <c r="E21" s="108"/>
      <c r="F21" s="91">
        <v>803</v>
      </c>
      <c r="G21" s="91">
        <v>1955</v>
      </c>
      <c r="H21" s="91">
        <v>946</v>
      </c>
      <c r="I21" s="105">
        <v>1009</v>
      </c>
      <c r="J21" s="123">
        <v>263</v>
      </c>
      <c r="K21" s="94">
        <v>1287</v>
      </c>
      <c r="L21" s="132">
        <v>401</v>
      </c>
      <c r="M21" s="351">
        <v>2160</v>
      </c>
      <c r="N21" s="96">
        <v>1338</v>
      </c>
      <c r="O21" s="277">
        <v>0</v>
      </c>
      <c r="P21" s="106">
        <v>110.7</v>
      </c>
      <c r="T21" s="218"/>
      <c r="U21" s="218"/>
      <c r="V21" s="218"/>
    </row>
    <row r="22" spans="2:22" s="219" customFormat="1" ht="24.75" customHeight="1">
      <c r="B22" s="348"/>
      <c r="C22" s="373" t="s">
        <v>27</v>
      </c>
      <c r="D22" s="350"/>
      <c r="E22" s="108"/>
      <c r="F22" s="91">
        <v>1328</v>
      </c>
      <c r="G22" s="91">
        <v>3159</v>
      </c>
      <c r="H22" s="91">
        <v>1570</v>
      </c>
      <c r="I22" s="105">
        <v>1589</v>
      </c>
      <c r="J22" s="123">
        <v>366</v>
      </c>
      <c r="K22" s="94">
        <v>2056</v>
      </c>
      <c r="L22" s="132">
        <v>701</v>
      </c>
      <c r="M22" s="351">
        <v>2227</v>
      </c>
      <c r="N22" s="96">
        <v>923</v>
      </c>
      <c r="O22" s="277">
        <v>0</v>
      </c>
      <c r="P22" s="106">
        <v>71.3</v>
      </c>
      <c r="T22" s="218"/>
      <c r="U22" s="218"/>
      <c r="V22" s="218"/>
    </row>
    <row r="23" spans="2:22" s="219" customFormat="1" ht="24.75" customHeight="1">
      <c r="B23" s="348"/>
      <c r="C23" s="373" t="s">
        <v>28</v>
      </c>
      <c r="D23" s="350"/>
      <c r="E23" s="108"/>
      <c r="F23" s="91">
        <v>1717</v>
      </c>
      <c r="G23" s="91">
        <v>3723</v>
      </c>
      <c r="H23" s="91">
        <v>1766</v>
      </c>
      <c r="I23" s="105">
        <v>1957</v>
      </c>
      <c r="J23" s="123">
        <v>355</v>
      </c>
      <c r="K23" s="94">
        <v>2489</v>
      </c>
      <c r="L23" s="132">
        <v>854</v>
      </c>
      <c r="M23" s="351">
        <v>2933</v>
      </c>
      <c r="N23" s="96">
        <v>1367</v>
      </c>
      <c r="O23" s="277">
        <v>0</v>
      </c>
      <c r="P23" s="106">
        <v>79.3</v>
      </c>
      <c r="T23" s="218"/>
      <c r="U23" s="218"/>
      <c r="V23" s="218"/>
    </row>
    <row r="24" spans="2:22" s="219" customFormat="1" ht="24.75" customHeight="1">
      <c r="B24" s="348" t="s">
        <v>581</v>
      </c>
      <c r="C24" s="373" t="s">
        <v>26</v>
      </c>
      <c r="D24" s="350"/>
      <c r="E24" s="108"/>
      <c r="F24" s="91">
        <v>505</v>
      </c>
      <c r="G24" s="91">
        <v>1362</v>
      </c>
      <c r="H24" s="91">
        <v>675</v>
      </c>
      <c r="I24" s="105">
        <v>687</v>
      </c>
      <c r="J24" s="123">
        <v>294</v>
      </c>
      <c r="K24" s="94">
        <v>934</v>
      </c>
      <c r="L24" s="132">
        <v>131</v>
      </c>
      <c r="M24" s="351">
        <v>1895</v>
      </c>
      <c r="N24" s="96">
        <v>725</v>
      </c>
      <c r="O24" s="96">
        <v>728</v>
      </c>
      <c r="P24" s="106">
        <v>139.4</v>
      </c>
      <c r="T24" s="218"/>
      <c r="U24" s="218"/>
      <c r="V24" s="218"/>
    </row>
    <row r="25" spans="2:22" s="219" customFormat="1" ht="24.75" customHeight="1">
      <c r="B25" s="348"/>
      <c r="C25" s="373" t="s">
        <v>27</v>
      </c>
      <c r="D25" s="350"/>
      <c r="E25" s="108"/>
      <c r="F25" s="91">
        <v>532</v>
      </c>
      <c r="G25" s="91">
        <v>1514</v>
      </c>
      <c r="H25" s="91">
        <v>746</v>
      </c>
      <c r="I25" s="105">
        <v>768</v>
      </c>
      <c r="J25" s="123">
        <v>279</v>
      </c>
      <c r="K25" s="94">
        <v>1035</v>
      </c>
      <c r="L25" s="132">
        <v>188</v>
      </c>
      <c r="M25" s="351">
        <v>1136</v>
      </c>
      <c r="N25" s="96">
        <v>617</v>
      </c>
      <c r="O25" s="277">
        <v>0</v>
      </c>
      <c r="P25" s="106">
        <v>75.599999999999994</v>
      </c>
      <c r="T25" s="218"/>
      <c r="U25" s="218"/>
      <c r="V25" s="218"/>
    </row>
    <row r="26" spans="2:22" s="219" customFormat="1" ht="24.75" customHeight="1">
      <c r="B26" s="348"/>
      <c r="C26" s="373" t="s">
        <v>28</v>
      </c>
      <c r="D26" s="350"/>
      <c r="E26" s="108"/>
      <c r="F26" s="91">
        <v>137</v>
      </c>
      <c r="G26" s="91">
        <v>406</v>
      </c>
      <c r="H26" s="91">
        <v>209</v>
      </c>
      <c r="I26" s="105">
        <v>197</v>
      </c>
      <c r="J26" s="123">
        <v>131</v>
      </c>
      <c r="K26" s="94">
        <v>258</v>
      </c>
      <c r="L26" s="132">
        <v>17</v>
      </c>
      <c r="M26" s="351">
        <v>764</v>
      </c>
      <c r="N26" s="96">
        <v>627</v>
      </c>
      <c r="O26" s="277">
        <v>0</v>
      </c>
      <c r="P26" s="106">
        <v>188.2</v>
      </c>
      <c r="T26" s="218"/>
      <c r="U26" s="218"/>
      <c r="V26" s="218"/>
    </row>
    <row r="27" spans="2:22" s="219" customFormat="1" ht="24.75" customHeight="1">
      <c r="B27" s="348"/>
      <c r="C27" s="373" t="s">
        <v>29</v>
      </c>
      <c r="D27" s="350"/>
      <c r="E27" s="108"/>
      <c r="F27" s="91">
        <v>578</v>
      </c>
      <c r="G27" s="91">
        <v>1464</v>
      </c>
      <c r="H27" s="91">
        <v>722</v>
      </c>
      <c r="I27" s="105">
        <v>742</v>
      </c>
      <c r="J27" s="123">
        <v>276</v>
      </c>
      <c r="K27" s="94">
        <v>1007</v>
      </c>
      <c r="L27" s="132">
        <v>174</v>
      </c>
      <c r="M27" s="351">
        <v>1353</v>
      </c>
      <c r="N27" s="96">
        <v>817</v>
      </c>
      <c r="O27" s="277">
        <v>0</v>
      </c>
      <c r="P27" s="106">
        <v>92.9</v>
      </c>
      <c r="T27" s="218"/>
      <c r="U27" s="218"/>
      <c r="V27" s="218"/>
    </row>
    <row r="28" spans="2:22" s="219" customFormat="1" ht="24.75" customHeight="1">
      <c r="B28" s="348"/>
      <c r="C28" s="373" t="s">
        <v>30</v>
      </c>
      <c r="D28" s="350"/>
      <c r="E28" s="108"/>
      <c r="F28" s="91">
        <v>531</v>
      </c>
      <c r="G28" s="91">
        <v>1269</v>
      </c>
      <c r="H28" s="91">
        <v>614</v>
      </c>
      <c r="I28" s="105">
        <v>655</v>
      </c>
      <c r="J28" s="123">
        <v>175</v>
      </c>
      <c r="K28" s="94">
        <v>820</v>
      </c>
      <c r="L28" s="132">
        <v>252</v>
      </c>
      <c r="M28" s="351">
        <v>980</v>
      </c>
      <c r="N28" s="96">
        <v>506</v>
      </c>
      <c r="O28" s="277">
        <v>0</v>
      </c>
      <c r="P28" s="106">
        <v>78.599999999999994</v>
      </c>
      <c r="T28" s="218"/>
      <c r="U28" s="218"/>
      <c r="V28" s="218"/>
    </row>
    <row r="29" spans="2:22" s="219" customFormat="1" ht="24.75" customHeight="1">
      <c r="B29" s="348" t="s">
        <v>582</v>
      </c>
      <c r="C29" s="373" t="s">
        <v>26</v>
      </c>
      <c r="D29" s="350"/>
      <c r="E29" s="108"/>
      <c r="F29" s="91">
        <v>890</v>
      </c>
      <c r="G29" s="91">
        <v>2109</v>
      </c>
      <c r="H29" s="91">
        <v>1014</v>
      </c>
      <c r="I29" s="105">
        <v>1095</v>
      </c>
      <c r="J29" s="123">
        <v>297</v>
      </c>
      <c r="K29" s="94">
        <v>1414</v>
      </c>
      <c r="L29" s="132">
        <v>368</v>
      </c>
      <c r="M29" s="351">
        <v>2035</v>
      </c>
      <c r="N29" s="96">
        <v>528</v>
      </c>
      <c r="O29" s="96">
        <v>673</v>
      </c>
      <c r="P29" s="106">
        <v>97.9</v>
      </c>
      <c r="T29" s="218"/>
      <c r="U29" s="218"/>
      <c r="V29" s="218"/>
    </row>
    <row r="30" spans="2:22" s="219" customFormat="1" ht="24.75" customHeight="1">
      <c r="B30" s="348"/>
      <c r="C30" s="373" t="s">
        <v>27</v>
      </c>
      <c r="D30" s="350"/>
      <c r="E30" s="108"/>
      <c r="F30" s="91">
        <v>190</v>
      </c>
      <c r="G30" s="91">
        <v>554</v>
      </c>
      <c r="H30" s="91">
        <v>282</v>
      </c>
      <c r="I30" s="105">
        <v>272</v>
      </c>
      <c r="J30" s="123">
        <v>115</v>
      </c>
      <c r="K30" s="94">
        <v>388</v>
      </c>
      <c r="L30" s="132">
        <v>49</v>
      </c>
      <c r="M30" s="351">
        <v>2171</v>
      </c>
      <c r="N30" s="96">
        <v>949</v>
      </c>
      <c r="O30" s="96">
        <v>1042</v>
      </c>
      <c r="P30" s="106">
        <v>393.3</v>
      </c>
      <c r="T30" s="218"/>
      <c r="U30" s="218"/>
      <c r="V30" s="218"/>
    </row>
    <row r="31" spans="2:22" s="219" customFormat="1" ht="24.75" customHeight="1">
      <c r="B31" s="348" t="s">
        <v>123</v>
      </c>
      <c r="C31" s="373" t="s">
        <v>28</v>
      </c>
      <c r="D31" s="350"/>
      <c r="E31" s="108"/>
      <c r="F31" s="91">
        <v>1044</v>
      </c>
      <c r="G31" s="91">
        <v>2635</v>
      </c>
      <c r="H31" s="91">
        <v>1239</v>
      </c>
      <c r="I31" s="105">
        <v>1396</v>
      </c>
      <c r="J31" s="123">
        <v>406</v>
      </c>
      <c r="K31" s="94">
        <v>1714</v>
      </c>
      <c r="L31" s="132">
        <v>478</v>
      </c>
      <c r="M31" s="351">
        <v>1642</v>
      </c>
      <c r="N31" s="96">
        <v>553</v>
      </c>
      <c r="O31" s="277">
        <v>0</v>
      </c>
      <c r="P31" s="106">
        <v>63.2</v>
      </c>
      <c r="T31" s="218"/>
      <c r="U31" s="218"/>
      <c r="V31" s="218"/>
    </row>
    <row r="32" spans="2:22" s="219" customFormat="1" ht="24.75" customHeight="1">
      <c r="B32" s="348"/>
      <c r="C32" s="373" t="s">
        <v>29</v>
      </c>
      <c r="D32" s="350"/>
      <c r="E32" s="108"/>
      <c r="F32" s="91">
        <v>448</v>
      </c>
      <c r="G32" s="91">
        <v>1135</v>
      </c>
      <c r="H32" s="91">
        <v>541</v>
      </c>
      <c r="I32" s="105">
        <v>594</v>
      </c>
      <c r="J32" s="123">
        <v>196</v>
      </c>
      <c r="K32" s="94">
        <v>791</v>
      </c>
      <c r="L32" s="132">
        <v>141</v>
      </c>
      <c r="M32" s="351">
        <v>1454</v>
      </c>
      <c r="N32" s="96">
        <v>263</v>
      </c>
      <c r="O32" s="96">
        <v>742</v>
      </c>
      <c r="P32" s="106">
        <v>128.9</v>
      </c>
      <c r="T32" s="218"/>
      <c r="U32" s="218"/>
      <c r="V32" s="218"/>
    </row>
    <row r="33" spans="1:22" s="219" customFormat="1" ht="24.75" customHeight="1">
      <c r="B33" s="348"/>
      <c r="C33" s="373" t="s">
        <v>30</v>
      </c>
      <c r="D33" s="350"/>
      <c r="E33" s="108"/>
      <c r="F33" s="91">
        <v>336</v>
      </c>
      <c r="G33" s="91">
        <v>851</v>
      </c>
      <c r="H33" s="91">
        <v>390</v>
      </c>
      <c r="I33" s="105">
        <v>461</v>
      </c>
      <c r="J33" s="123">
        <v>114</v>
      </c>
      <c r="K33" s="94">
        <v>551</v>
      </c>
      <c r="L33" s="132">
        <v>171</v>
      </c>
      <c r="M33" s="351">
        <v>630</v>
      </c>
      <c r="N33" s="96">
        <v>295</v>
      </c>
      <c r="O33" s="277">
        <v>0</v>
      </c>
      <c r="P33" s="106">
        <v>75.400000000000006</v>
      </c>
      <c r="T33" s="218"/>
      <c r="U33" s="218"/>
      <c r="V33" s="218"/>
    </row>
    <row r="34" spans="1:22" s="219" customFormat="1" ht="24.75" customHeight="1">
      <c r="B34" s="348" t="s">
        <v>583</v>
      </c>
      <c r="C34" s="373" t="s">
        <v>26</v>
      </c>
      <c r="D34" s="350"/>
      <c r="E34" s="108"/>
      <c r="F34" s="91">
        <v>839</v>
      </c>
      <c r="G34" s="91">
        <v>1883</v>
      </c>
      <c r="H34" s="91">
        <v>932</v>
      </c>
      <c r="I34" s="105">
        <v>951</v>
      </c>
      <c r="J34" s="123">
        <v>282</v>
      </c>
      <c r="K34" s="94">
        <v>1312</v>
      </c>
      <c r="L34" s="132">
        <v>287</v>
      </c>
      <c r="M34" s="351">
        <v>1736</v>
      </c>
      <c r="N34" s="96">
        <v>978</v>
      </c>
      <c r="O34" s="277">
        <v>0</v>
      </c>
      <c r="P34" s="106">
        <v>92.3</v>
      </c>
      <c r="T34" s="218"/>
      <c r="U34" s="218"/>
      <c r="V34" s="218"/>
    </row>
    <row r="35" spans="1:22" s="219" customFormat="1" ht="24.75" customHeight="1">
      <c r="B35" s="348"/>
      <c r="C35" s="373" t="s">
        <v>27</v>
      </c>
      <c r="D35" s="350"/>
      <c r="E35" s="108"/>
      <c r="F35" s="91">
        <v>702</v>
      </c>
      <c r="G35" s="91">
        <v>1619</v>
      </c>
      <c r="H35" s="91">
        <v>825</v>
      </c>
      <c r="I35" s="105">
        <v>794</v>
      </c>
      <c r="J35" s="123">
        <v>281</v>
      </c>
      <c r="K35" s="94">
        <v>1058</v>
      </c>
      <c r="L35" s="132">
        <v>256</v>
      </c>
      <c r="M35" s="351">
        <v>1399</v>
      </c>
      <c r="N35" s="96">
        <v>762</v>
      </c>
      <c r="O35" s="277">
        <v>0</v>
      </c>
      <c r="P35" s="106">
        <v>87.7</v>
      </c>
      <c r="T35" s="218"/>
      <c r="U35" s="218"/>
      <c r="V35" s="218"/>
    </row>
    <row r="36" spans="1:22" s="219" customFormat="1" ht="24.75" customHeight="1">
      <c r="B36" s="348"/>
      <c r="C36" s="373" t="s">
        <v>28</v>
      </c>
      <c r="D36" s="350"/>
      <c r="E36" s="108"/>
      <c r="F36" s="91">
        <v>486</v>
      </c>
      <c r="G36" s="91">
        <v>1371</v>
      </c>
      <c r="H36" s="91">
        <v>632</v>
      </c>
      <c r="I36" s="105">
        <v>739</v>
      </c>
      <c r="J36" s="123">
        <v>205</v>
      </c>
      <c r="K36" s="94">
        <v>933</v>
      </c>
      <c r="L36" s="132">
        <v>227</v>
      </c>
      <c r="M36" s="351">
        <v>873</v>
      </c>
      <c r="N36" s="96">
        <v>388</v>
      </c>
      <c r="O36" s="277">
        <v>0</v>
      </c>
      <c r="P36" s="106">
        <v>64</v>
      </c>
      <c r="T36" s="218"/>
      <c r="U36" s="218"/>
      <c r="V36" s="218"/>
    </row>
    <row r="37" spans="1:22" s="219" customFormat="1" ht="24.75" customHeight="1">
      <c r="B37" s="348"/>
      <c r="C37" s="373" t="s">
        <v>29</v>
      </c>
      <c r="D37" s="350"/>
      <c r="E37" s="108"/>
      <c r="F37" s="91">
        <v>466</v>
      </c>
      <c r="G37" s="91">
        <v>1192</v>
      </c>
      <c r="H37" s="91">
        <v>591</v>
      </c>
      <c r="I37" s="105">
        <v>601</v>
      </c>
      <c r="J37" s="123">
        <v>111</v>
      </c>
      <c r="K37" s="94">
        <v>764</v>
      </c>
      <c r="L37" s="132">
        <v>305</v>
      </c>
      <c r="M37" s="351">
        <v>1099</v>
      </c>
      <c r="N37" s="96">
        <v>607</v>
      </c>
      <c r="O37" s="277">
        <v>0</v>
      </c>
      <c r="P37" s="106">
        <v>93.1</v>
      </c>
      <c r="T37" s="218"/>
      <c r="U37" s="218"/>
      <c r="V37" s="218"/>
    </row>
    <row r="38" spans="1:22" s="219" customFormat="1" ht="24.75" customHeight="1">
      <c r="A38" s="220"/>
      <c r="B38" s="352" t="s">
        <v>584</v>
      </c>
      <c r="C38" s="374" t="s">
        <v>26</v>
      </c>
      <c r="D38" s="354"/>
      <c r="E38" s="279"/>
      <c r="F38" s="115">
        <v>1343</v>
      </c>
      <c r="G38" s="115">
        <v>3452</v>
      </c>
      <c r="H38" s="115">
        <v>1658</v>
      </c>
      <c r="I38" s="114">
        <v>1794</v>
      </c>
      <c r="J38" s="127">
        <v>539</v>
      </c>
      <c r="K38" s="118">
        <v>2151</v>
      </c>
      <c r="L38" s="276">
        <v>760</v>
      </c>
      <c r="M38" s="355">
        <v>2976</v>
      </c>
      <c r="N38" s="120">
        <v>804</v>
      </c>
      <c r="O38" s="120">
        <v>681</v>
      </c>
      <c r="P38" s="122">
        <v>86.3</v>
      </c>
      <c r="T38" s="218"/>
      <c r="U38" s="218"/>
      <c r="V38" s="218"/>
    </row>
    <row r="39" spans="1:22" s="219" customFormat="1" ht="23.1" customHeight="1">
      <c r="B39" s="348" t="s">
        <v>584</v>
      </c>
      <c r="C39" s="373" t="s">
        <v>27</v>
      </c>
      <c r="D39" s="350"/>
      <c r="E39" s="108"/>
      <c r="F39" s="91">
        <v>1325</v>
      </c>
      <c r="G39" s="91">
        <v>3816</v>
      </c>
      <c r="H39" s="91">
        <v>1797</v>
      </c>
      <c r="I39" s="105">
        <v>2019</v>
      </c>
      <c r="J39" s="123">
        <v>1001</v>
      </c>
      <c r="K39" s="94">
        <v>2345</v>
      </c>
      <c r="L39" s="132">
        <v>470</v>
      </c>
      <c r="M39" s="351">
        <v>1697</v>
      </c>
      <c r="N39" s="96">
        <v>197</v>
      </c>
      <c r="O39" s="277">
        <v>0</v>
      </c>
      <c r="P39" s="106">
        <v>44.5</v>
      </c>
      <c r="Q39" s="44"/>
      <c r="T39" s="218"/>
      <c r="U39" s="218"/>
      <c r="V39" s="218"/>
    </row>
    <row r="40" spans="1:22" s="219" customFormat="1" ht="23.1" customHeight="1">
      <c r="B40" s="348"/>
      <c r="C40" s="373" t="s">
        <v>28</v>
      </c>
      <c r="D40" s="350"/>
      <c r="E40" s="108"/>
      <c r="F40" s="91">
        <v>1006</v>
      </c>
      <c r="G40" s="91">
        <v>2419</v>
      </c>
      <c r="H40" s="91">
        <v>1148</v>
      </c>
      <c r="I40" s="105">
        <v>1271</v>
      </c>
      <c r="J40" s="123">
        <v>359</v>
      </c>
      <c r="K40" s="94">
        <v>1715</v>
      </c>
      <c r="L40" s="132">
        <v>345</v>
      </c>
      <c r="M40" s="351">
        <v>2184</v>
      </c>
      <c r="N40" s="96">
        <v>426</v>
      </c>
      <c r="O40" s="96">
        <v>739</v>
      </c>
      <c r="P40" s="106">
        <v>90.3</v>
      </c>
      <c r="Q40" s="44"/>
      <c r="T40" s="218"/>
      <c r="U40" s="218"/>
      <c r="V40" s="218"/>
    </row>
    <row r="41" spans="1:22" s="219" customFormat="1" ht="23.1" customHeight="1">
      <c r="B41" s="348"/>
      <c r="C41" s="373" t="s">
        <v>29</v>
      </c>
      <c r="D41" s="350"/>
      <c r="E41" s="108"/>
      <c r="F41" s="91">
        <v>977</v>
      </c>
      <c r="G41" s="91">
        <v>2428</v>
      </c>
      <c r="H41" s="91">
        <v>1179</v>
      </c>
      <c r="I41" s="105">
        <v>1249</v>
      </c>
      <c r="J41" s="123">
        <v>424</v>
      </c>
      <c r="K41" s="94">
        <v>1617</v>
      </c>
      <c r="L41" s="132">
        <v>384</v>
      </c>
      <c r="M41" s="351">
        <v>1516</v>
      </c>
      <c r="N41" s="96">
        <v>464</v>
      </c>
      <c r="O41" s="277">
        <v>0</v>
      </c>
      <c r="P41" s="106">
        <v>62.5</v>
      </c>
      <c r="Q41" s="44"/>
      <c r="T41" s="218"/>
      <c r="U41" s="218"/>
      <c r="V41" s="218"/>
    </row>
    <row r="42" spans="1:22" s="219" customFormat="1" ht="23.1" customHeight="1">
      <c r="B42" s="348"/>
      <c r="C42" s="373" t="s">
        <v>30</v>
      </c>
      <c r="D42" s="350"/>
      <c r="E42" s="108"/>
      <c r="F42" s="91">
        <v>344</v>
      </c>
      <c r="G42" s="91">
        <v>886</v>
      </c>
      <c r="H42" s="91">
        <v>431</v>
      </c>
      <c r="I42" s="105">
        <v>455</v>
      </c>
      <c r="J42" s="123">
        <v>160</v>
      </c>
      <c r="K42" s="94">
        <v>545</v>
      </c>
      <c r="L42" s="132">
        <v>178</v>
      </c>
      <c r="M42" s="351">
        <v>825</v>
      </c>
      <c r="N42" s="96">
        <v>457</v>
      </c>
      <c r="O42" s="277">
        <v>0</v>
      </c>
      <c r="P42" s="106">
        <v>93.4</v>
      </c>
      <c r="Q42" s="44"/>
      <c r="T42" s="218"/>
      <c r="U42" s="218"/>
      <c r="V42" s="218"/>
    </row>
    <row r="43" spans="1:22" s="219" customFormat="1" ht="23.1" customHeight="1">
      <c r="B43" s="348"/>
      <c r="C43" s="373" t="s">
        <v>31</v>
      </c>
      <c r="D43" s="350"/>
      <c r="E43" s="108"/>
      <c r="F43" s="91">
        <v>1318</v>
      </c>
      <c r="G43" s="91">
        <v>3400</v>
      </c>
      <c r="H43" s="91">
        <v>1619</v>
      </c>
      <c r="I43" s="105">
        <v>1781</v>
      </c>
      <c r="J43" s="123">
        <v>645</v>
      </c>
      <c r="K43" s="94">
        <v>2243</v>
      </c>
      <c r="L43" s="132">
        <v>508</v>
      </c>
      <c r="M43" s="351">
        <v>2378</v>
      </c>
      <c r="N43" s="96">
        <v>855</v>
      </c>
      <c r="O43" s="277">
        <v>0</v>
      </c>
      <c r="P43" s="106">
        <v>70</v>
      </c>
      <c r="Q43" s="44"/>
      <c r="T43" s="218"/>
      <c r="U43" s="218"/>
      <c r="V43" s="218"/>
    </row>
    <row r="44" spans="1:22" s="219" customFormat="1" ht="23.1" customHeight="1">
      <c r="B44" s="348" t="s">
        <v>585</v>
      </c>
      <c r="C44" s="373" t="s">
        <v>26</v>
      </c>
      <c r="D44" s="350"/>
      <c r="E44" s="108"/>
      <c r="F44" s="91">
        <v>501</v>
      </c>
      <c r="G44" s="91">
        <v>1459</v>
      </c>
      <c r="H44" s="91">
        <v>723</v>
      </c>
      <c r="I44" s="105">
        <v>736</v>
      </c>
      <c r="J44" s="123">
        <v>360</v>
      </c>
      <c r="K44" s="94">
        <v>987</v>
      </c>
      <c r="L44" s="132">
        <v>112</v>
      </c>
      <c r="M44" s="351">
        <v>674</v>
      </c>
      <c r="N44" s="96">
        <v>84</v>
      </c>
      <c r="O44" s="277">
        <v>0</v>
      </c>
      <c r="P44" s="106">
        <v>46.2</v>
      </c>
      <c r="Q44" s="44"/>
      <c r="T44" s="218"/>
      <c r="U44" s="218"/>
      <c r="V44" s="218"/>
    </row>
    <row r="45" spans="1:22" s="219" customFormat="1" ht="23.1" customHeight="1">
      <c r="B45" s="348"/>
      <c r="C45" s="373" t="s">
        <v>27</v>
      </c>
      <c r="D45" s="350"/>
      <c r="E45" s="108"/>
      <c r="F45" s="91">
        <v>271</v>
      </c>
      <c r="G45" s="91">
        <v>668</v>
      </c>
      <c r="H45" s="91">
        <v>317</v>
      </c>
      <c r="I45" s="105">
        <v>351</v>
      </c>
      <c r="J45" s="123">
        <v>87</v>
      </c>
      <c r="K45" s="94">
        <v>433</v>
      </c>
      <c r="L45" s="132">
        <v>148</v>
      </c>
      <c r="M45" s="351">
        <v>323</v>
      </c>
      <c r="N45" s="96">
        <v>65</v>
      </c>
      <c r="O45" s="277">
        <v>0</v>
      </c>
      <c r="P45" s="106">
        <v>48.4</v>
      </c>
      <c r="Q45" s="44"/>
      <c r="T45" s="218"/>
      <c r="U45" s="218"/>
      <c r="V45" s="218"/>
    </row>
    <row r="46" spans="1:22" s="219" customFormat="1" ht="23.1" customHeight="1">
      <c r="B46" s="348" t="s">
        <v>586</v>
      </c>
      <c r="C46" s="373" t="s">
        <v>26</v>
      </c>
      <c r="D46" s="350"/>
      <c r="E46" s="108"/>
      <c r="F46" s="91">
        <v>601</v>
      </c>
      <c r="G46" s="91">
        <v>1639</v>
      </c>
      <c r="H46" s="91">
        <v>808</v>
      </c>
      <c r="I46" s="105">
        <v>831</v>
      </c>
      <c r="J46" s="123">
        <v>240</v>
      </c>
      <c r="K46" s="94">
        <v>1080</v>
      </c>
      <c r="L46" s="132">
        <v>319</v>
      </c>
      <c r="M46" s="351">
        <v>858</v>
      </c>
      <c r="N46" s="96">
        <v>248</v>
      </c>
      <c r="O46" s="277">
        <v>0</v>
      </c>
      <c r="P46" s="106">
        <v>52.3</v>
      </c>
      <c r="Q46" s="44"/>
      <c r="T46" s="218"/>
      <c r="U46" s="218"/>
      <c r="V46" s="218"/>
    </row>
    <row r="47" spans="1:22" s="219" customFormat="1" ht="23.1" customHeight="1">
      <c r="B47" s="348"/>
      <c r="C47" s="373" t="s">
        <v>27</v>
      </c>
      <c r="D47" s="350"/>
      <c r="E47" s="108"/>
      <c r="F47" s="91">
        <v>60</v>
      </c>
      <c r="G47" s="91">
        <v>212</v>
      </c>
      <c r="H47" s="91">
        <v>92</v>
      </c>
      <c r="I47" s="105">
        <v>120</v>
      </c>
      <c r="J47" s="123">
        <v>43</v>
      </c>
      <c r="K47" s="94">
        <v>109</v>
      </c>
      <c r="L47" s="132">
        <v>60</v>
      </c>
      <c r="M47" s="351">
        <v>389</v>
      </c>
      <c r="N47" s="96">
        <v>276</v>
      </c>
      <c r="O47" s="277">
        <v>0</v>
      </c>
      <c r="P47" s="106">
        <v>183.5</v>
      </c>
      <c r="Q47" s="44"/>
      <c r="T47" s="218"/>
      <c r="U47" s="218"/>
      <c r="V47" s="218"/>
    </row>
    <row r="48" spans="1:22" s="219" customFormat="1" ht="23.1" customHeight="1">
      <c r="B48" s="348" t="s">
        <v>587</v>
      </c>
      <c r="C48" s="373" t="s">
        <v>26</v>
      </c>
      <c r="D48" s="350"/>
      <c r="E48" s="108"/>
      <c r="F48" s="91">
        <v>567</v>
      </c>
      <c r="G48" s="91">
        <v>1634</v>
      </c>
      <c r="H48" s="91">
        <v>808</v>
      </c>
      <c r="I48" s="105">
        <v>826</v>
      </c>
      <c r="J48" s="123">
        <v>310</v>
      </c>
      <c r="K48" s="94">
        <v>1061</v>
      </c>
      <c r="L48" s="132">
        <v>245</v>
      </c>
      <c r="M48" s="351">
        <v>1380</v>
      </c>
      <c r="N48" s="96">
        <v>353</v>
      </c>
      <c r="O48" s="96">
        <v>439</v>
      </c>
      <c r="P48" s="106">
        <v>85.4</v>
      </c>
      <c r="Q48" s="44"/>
      <c r="T48" s="218"/>
      <c r="U48" s="218"/>
      <c r="V48" s="218"/>
    </row>
    <row r="49" spans="2:22" s="219" customFormat="1" ht="23.1" customHeight="1">
      <c r="B49" s="348"/>
      <c r="C49" s="373" t="s">
        <v>27</v>
      </c>
      <c r="D49" s="350"/>
      <c r="E49" s="108"/>
      <c r="F49" s="91">
        <v>369</v>
      </c>
      <c r="G49" s="91">
        <v>885</v>
      </c>
      <c r="H49" s="91">
        <v>476</v>
      </c>
      <c r="I49" s="105">
        <v>409</v>
      </c>
      <c r="J49" s="123">
        <v>131</v>
      </c>
      <c r="K49" s="94">
        <v>656</v>
      </c>
      <c r="L49" s="132">
        <v>94</v>
      </c>
      <c r="M49" s="351">
        <v>1736</v>
      </c>
      <c r="N49" s="96">
        <v>1338</v>
      </c>
      <c r="O49" s="277">
        <v>0</v>
      </c>
      <c r="P49" s="106">
        <v>197</v>
      </c>
      <c r="Q49" s="44"/>
      <c r="T49" s="218"/>
      <c r="U49" s="218"/>
      <c r="V49" s="218"/>
    </row>
    <row r="50" spans="2:22" s="219" customFormat="1" ht="23.1" customHeight="1">
      <c r="B50" s="348"/>
      <c r="C50" s="373" t="s">
        <v>28</v>
      </c>
      <c r="D50" s="350"/>
      <c r="E50" s="108"/>
      <c r="F50" s="91">
        <v>858</v>
      </c>
      <c r="G50" s="91">
        <v>2069</v>
      </c>
      <c r="H50" s="91">
        <v>953</v>
      </c>
      <c r="I50" s="105">
        <v>1116</v>
      </c>
      <c r="J50" s="123">
        <v>282</v>
      </c>
      <c r="K50" s="94">
        <v>1143</v>
      </c>
      <c r="L50" s="132">
        <v>644</v>
      </c>
      <c r="M50" s="351">
        <v>1919</v>
      </c>
      <c r="N50" s="96">
        <v>457</v>
      </c>
      <c r="O50" s="96">
        <v>449</v>
      </c>
      <c r="P50" s="106">
        <v>92.8</v>
      </c>
      <c r="Q50" s="44"/>
      <c r="T50" s="218"/>
      <c r="U50" s="218"/>
      <c r="V50" s="218"/>
    </row>
    <row r="51" spans="2:22" s="219" customFormat="1" ht="23.1" customHeight="1">
      <c r="B51" s="348"/>
      <c r="C51" s="373" t="s">
        <v>29</v>
      </c>
      <c r="D51" s="350"/>
      <c r="E51" s="108"/>
      <c r="F51" s="91">
        <v>1951</v>
      </c>
      <c r="G51" s="91">
        <v>4742</v>
      </c>
      <c r="H51" s="91">
        <v>2210</v>
      </c>
      <c r="I51" s="105">
        <v>2532</v>
      </c>
      <c r="J51" s="123">
        <v>854</v>
      </c>
      <c r="K51" s="94">
        <v>2760</v>
      </c>
      <c r="L51" s="132">
        <v>1127</v>
      </c>
      <c r="M51" s="351">
        <v>2641</v>
      </c>
      <c r="N51" s="96">
        <v>172</v>
      </c>
      <c r="O51" s="277">
        <v>0</v>
      </c>
      <c r="P51" s="106">
        <v>55.7</v>
      </c>
      <c r="Q51" s="44"/>
      <c r="T51" s="218"/>
      <c r="U51" s="218"/>
      <c r="V51" s="218"/>
    </row>
    <row r="52" spans="2:22" s="219" customFormat="1" ht="23.1" customHeight="1">
      <c r="B52" s="348" t="s">
        <v>588</v>
      </c>
      <c r="C52" s="373" t="s">
        <v>26</v>
      </c>
      <c r="D52" s="350"/>
      <c r="E52" s="108"/>
      <c r="F52" s="91">
        <v>612</v>
      </c>
      <c r="G52" s="91">
        <v>1476</v>
      </c>
      <c r="H52" s="91">
        <v>695</v>
      </c>
      <c r="I52" s="105">
        <v>781</v>
      </c>
      <c r="J52" s="123">
        <v>249</v>
      </c>
      <c r="K52" s="94">
        <v>886</v>
      </c>
      <c r="L52" s="132">
        <v>341</v>
      </c>
      <c r="M52" s="351">
        <v>1119</v>
      </c>
      <c r="N52" s="96">
        <v>378</v>
      </c>
      <c r="O52" s="277">
        <v>0</v>
      </c>
      <c r="P52" s="106">
        <v>75.8</v>
      </c>
      <c r="Q52" s="44"/>
      <c r="T52" s="218"/>
      <c r="U52" s="218"/>
      <c r="V52" s="218"/>
    </row>
    <row r="53" spans="2:22" s="219" customFormat="1" ht="23.1" customHeight="1">
      <c r="B53" s="348" t="s">
        <v>123</v>
      </c>
      <c r="C53" s="373" t="s">
        <v>27</v>
      </c>
      <c r="D53" s="350"/>
      <c r="E53" s="108"/>
      <c r="F53" s="91">
        <v>319</v>
      </c>
      <c r="G53" s="91">
        <v>833</v>
      </c>
      <c r="H53" s="91">
        <v>424</v>
      </c>
      <c r="I53" s="105">
        <v>409</v>
      </c>
      <c r="J53" s="123">
        <v>120</v>
      </c>
      <c r="K53" s="94">
        <v>563</v>
      </c>
      <c r="L53" s="132">
        <v>148</v>
      </c>
      <c r="M53" s="351">
        <v>988</v>
      </c>
      <c r="N53" s="96">
        <v>644</v>
      </c>
      <c r="O53" s="277">
        <v>0</v>
      </c>
      <c r="P53" s="106">
        <v>118.9</v>
      </c>
      <c r="Q53" s="44"/>
      <c r="T53" s="218"/>
      <c r="U53" s="218"/>
      <c r="V53" s="218"/>
    </row>
    <row r="54" spans="2:22" s="219" customFormat="1" ht="23.1" customHeight="1">
      <c r="B54" s="348"/>
      <c r="C54" s="373" t="s">
        <v>28</v>
      </c>
      <c r="D54" s="350"/>
      <c r="E54" s="108"/>
      <c r="F54" s="91">
        <v>13</v>
      </c>
      <c r="G54" s="91">
        <v>21</v>
      </c>
      <c r="H54" s="91">
        <v>13</v>
      </c>
      <c r="I54" s="105">
        <v>8</v>
      </c>
      <c r="J54" s="123">
        <v>3</v>
      </c>
      <c r="K54" s="94">
        <v>16</v>
      </c>
      <c r="L54" s="132">
        <v>2</v>
      </c>
      <c r="M54" s="351">
        <v>970</v>
      </c>
      <c r="N54" s="96">
        <v>967</v>
      </c>
      <c r="O54" s="277">
        <v>0</v>
      </c>
      <c r="P54" s="236">
        <v>4619</v>
      </c>
      <c r="Q54" s="44"/>
      <c r="T54" s="218"/>
      <c r="U54" s="218"/>
      <c r="V54" s="218"/>
    </row>
    <row r="55" spans="2:22" s="219" customFormat="1" ht="23.1" customHeight="1">
      <c r="B55" s="348" t="s">
        <v>589</v>
      </c>
      <c r="C55" s="373" t="s">
        <v>26</v>
      </c>
      <c r="D55" s="350"/>
      <c r="E55" s="124"/>
      <c r="F55" s="101" t="s">
        <v>192</v>
      </c>
      <c r="G55" s="101" t="s">
        <v>192</v>
      </c>
      <c r="H55" s="101" t="s">
        <v>192</v>
      </c>
      <c r="I55" s="101" t="s">
        <v>192</v>
      </c>
      <c r="J55" s="101" t="s">
        <v>192</v>
      </c>
      <c r="K55" s="101" t="s">
        <v>192</v>
      </c>
      <c r="L55" s="101" t="s">
        <v>192</v>
      </c>
      <c r="M55" s="242">
        <v>180</v>
      </c>
      <c r="N55" s="351">
        <v>180</v>
      </c>
      <c r="O55" s="277">
        <v>0</v>
      </c>
      <c r="P55" s="236" t="s">
        <v>99</v>
      </c>
      <c r="Q55" s="44"/>
      <c r="T55" s="218"/>
      <c r="U55" s="218"/>
      <c r="V55" s="218"/>
    </row>
    <row r="56" spans="2:22" s="219" customFormat="1" ht="22.5" customHeight="1">
      <c r="B56" s="348"/>
      <c r="C56" s="373" t="s">
        <v>27</v>
      </c>
      <c r="D56" s="350"/>
      <c r="E56" s="365"/>
      <c r="F56" s="92">
        <v>576</v>
      </c>
      <c r="G56" s="91">
        <v>1459</v>
      </c>
      <c r="H56" s="92">
        <v>745</v>
      </c>
      <c r="I56" s="92">
        <v>714</v>
      </c>
      <c r="J56" s="92">
        <v>331</v>
      </c>
      <c r="K56" s="92">
        <v>1002</v>
      </c>
      <c r="L56" s="272">
        <v>73</v>
      </c>
      <c r="M56" s="133">
        <v>1066</v>
      </c>
      <c r="N56" s="134">
        <v>462</v>
      </c>
      <c r="O56" s="366">
        <v>0</v>
      </c>
      <c r="P56" s="106">
        <v>75.8</v>
      </c>
      <c r="Q56" s="44"/>
      <c r="T56" s="218"/>
      <c r="U56" s="218"/>
      <c r="V56" s="218"/>
    </row>
    <row r="57" spans="2:22" s="219" customFormat="1" ht="23.1" customHeight="1">
      <c r="B57" s="348"/>
      <c r="C57" s="373" t="s">
        <v>28</v>
      </c>
      <c r="D57" s="350"/>
      <c r="E57" s="108"/>
      <c r="F57" s="91">
        <v>825</v>
      </c>
      <c r="G57" s="91">
        <v>2201</v>
      </c>
      <c r="H57" s="91">
        <v>1110</v>
      </c>
      <c r="I57" s="105">
        <v>1091</v>
      </c>
      <c r="J57" s="94">
        <v>419</v>
      </c>
      <c r="K57" s="94">
        <v>1441</v>
      </c>
      <c r="L57" s="94">
        <v>287</v>
      </c>
      <c r="M57" s="242">
        <v>2148</v>
      </c>
      <c r="N57" s="363">
        <v>469</v>
      </c>
      <c r="O57" s="96">
        <v>817</v>
      </c>
      <c r="P57" s="106">
        <v>100</v>
      </c>
      <c r="Q57" s="44"/>
      <c r="T57" s="218"/>
      <c r="U57" s="218"/>
      <c r="V57" s="218"/>
    </row>
    <row r="58" spans="2:22" s="219" customFormat="1" ht="23.1" customHeight="1">
      <c r="B58" s="348"/>
      <c r="C58" s="373" t="s">
        <v>29</v>
      </c>
      <c r="D58" s="350"/>
      <c r="E58" s="108"/>
      <c r="F58" s="91">
        <v>661</v>
      </c>
      <c r="G58" s="91">
        <v>1870</v>
      </c>
      <c r="H58" s="91">
        <v>892</v>
      </c>
      <c r="I58" s="105">
        <v>978</v>
      </c>
      <c r="J58" s="94">
        <v>403</v>
      </c>
      <c r="K58" s="94">
        <v>1290</v>
      </c>
      <c r="L58" s="94">
        <v>172</v>
      </c>
      <c r="M58" s="242">
        <v>1304</v>
      </c>
      <c r="N58" s="363">
        <v>529</v>
      </c>
      <c r="O58" s="277">
        <v>0</v>
      </c>
      <c r="P58" s="106">
        <v>69.900000000000006</v>
      </c>
      <c r="Q58" s="44"/>
      <c r="T58" s="218"/>
      <c r="U58" s="218"/>
      <c r="V58" s="218"/>
    </row>
    <row r="59" spans="2:22" s="219" customFormat="1" ht="23.1" customHeight="1">
      <c r="B59" s="348"/>
      <c r="C59" s="373" t="s">
        <v>30</v>
      </c>
      <c r="D59" s="350"/>
      <c r="E59" s="108"/>
      <c r="F59" s="91">
        <v>327</v>
      </c>
      <c r="G59" s="91">
        <v>794</v>
      </c>
      <c r="H59" s="91">
        <v>407</v>
      </c>
      <c r="I59" s="105">
        <v>387</v>
      </c>
      <c r="J59" s="94">
        <v>140</v>
      </c>
      <c r="K59" s="94">
        <v>567</v>
      </c>
      <c r="L59" s="94">
        <v>76</v>
      </c>
      <c r="M59" s="242">
        <v>624</v>
      </c>
      <c r="N59" s="363">
        <v>314</v>
      </c>
      <c r="O59" s="277">
        <v>0</v>
      </c>
      <c r="P59" s="106">
        <v>79.7</v>
      </c>
      <c r="Q59" s="44"/>
      <c r="T59" s="218"/>
      <c r="U59" s="218"/>
      <c r="V59" s="218"/>
    </row>
    <row r="60" spans="2:22" s="219" customFormat="1" ht="23.1" customHeight="1">
      <c r="B60" s="348" t="s">
        <v>590</v>
      </c>
      <c r="C60" s="373" t="s">
        <v>26</v>
      </c>
      <c r="D60" s="350"/>
      <c r="E60" s="108"/>
      <c r="F60" s="91">
        <v>398</v>
      </c>
      <c r="G60" s="91">
        <v>1193</v>
      </c>
      <c r="H60" s="91">
        <v>611</v>
      </c>
      <c r="I60" s="105">
        <v>582</v>
      </c>
      <c r="J60" s="94">
        <v>190</v>
      </c>
      <c r="K60" s="94">
        <v>794</v>
      </c>
      <c r="L60" s="94">
        <v>199</v>
      </c>
      <c r="M60" s="242">
        <v>1691</v>
      </c>
      <c r="N60" s="363">
        <v>375</v>
      </c>
      <c r="O60" s="96">
        <v>823</v>
      </c>
      <c r="P60" s="106">
        <v>142.9</v>
      </c>
      <c r="Q60" s="44"/>
      <c r="T60" s="218"/>
      <c r="U60" s="218"/>
      <c r="V60" s="218"/>
    </row>
    <row r="61" spans="2:22" s="219" customFormat="1" ht="23.1" customHeight="1">
      <c r="B61" s="348"/>
      <c r="C61" s="373" t="s">
        <v>27</v>
      </c>
      <c r="D61" s="350"/>
      <c r="E61" s="108"/>
      <c r="F61" s="91">
        <v>104</v>
      </c>
      <c r="G61" s="91">
        <v>374</v>
      </c>
      <c r="H61" s="91">
        <v>158</v>
      </c>
      <c r="I61" s="105">
        <v>216</v>
      </c>
      <c r="J61" s="94">
        <v>54</v>
      </c>
      <c r="K61" s="94">
        <v>188</v>
      </c>
      <c r="L61" s="94">
        <v>128</v>
      </c>
      <c r="M61" s="242">
        <v>1183</v>
      </c>
      <c r="N61" s="363">
        <v>485</v>
      </c>
      <c r="O61" s="96">
        <v>494</v>
      </c>
      <c r="P61" s="106">
        <v>319.7</v>
      </c>
      <c r="Q61" s="44"/>
      <c r="T61" s="218"/>
      <c r="U61" s="218"/>
      <c r="V61" s="218"/>
    </row>
    <row r="62" spans="2:22" s="219" customFormat="1" ht="23.1" customHeight="1">
      <c r="B62" s="348"/>
      <c r="C62" s="373" t="s">
        <v>28</v>
      </c>
      <c r="D62" s="350"/>
      <c r="E62" s="108"/>
      <c r="F62" s="91">
        <v>547</v>
      </c>
      <c r="G62" s="91">
        <v>1384</v>
      </c>
      <c r="H62" s="91">
        <v>696</v>
      </c>
      <c r="I62" s="105">
        <v>688</v>
      </c>
      <c r="J62" s="94">
        <v>208</v>
      </c>
      <c r="K62" s="94">
        <v>865</v>
      </c>
      <c r="L62" s="94">
        <v>303</v>
      </c>
      <c r="M62" s="242">
        <v>811</v>
      </c>
      <c r="N62" s="363">
        <v>194</v>
      </c>
      <c r="O62" s="277">
        <v>0</v>
      </c>
      <c r="P62" s="106">
        <v>58.9</v>
      </c>
      <c r="Q62" s="44"/>
      <c r="T62" s="218"/>
      <c r="U62" s="218"/>
      <c r="V62" s="218"/>
    </row>
    <row r="63" spans="2:22" s="219" customFormat="1" ht="23.1" customHeight="1">
      <c r="B63" s="348"/>
      <c r="C63" s="373" t="s">
        <v>29</v>
      </c>
      <c r="D63" s="350"/>
      <c r="E63" s="108"/>
      <c r="F63" s="91">
        <v>366</v>
      </c>
      <c r="G63" s="91">
        <v>1012</v>
      </c>
      <c r="H63" s="91">
        <v>511</v>
      </c>
      <c r="I63" s="105">
        <v>501</v>
      </c>
      <c r="J63" s="94">
        <v>175</v>
      </c>
      <c r="K63" s="94">
        <v>682</v>
      </c>
      <c r="L63" s="94">
        <v>146</v>
      </c>
      <c r="M63" s="242">
        <v>773</v>
      </c>
      <c r="N63" s="363">
        <v>366</v>
      </c>
      <c r="O63" s="277">
        <v>0</v>
      </c>
      <c r="P63" s="106">
        <v>77.099999999999994</v>
      </c>
      <c r="Q63" s="44"/>
      <c r="T63" s="218"/>
      <c r="U63" s="218"/>
      <c r="V63" s="218"/>
    </row>
    <row r="64" spans="2:22" s="219" customFormat="1" ht="23.1" customHeight="1">
      <c r="B64" s="348" t="s">
        <v>591</v>
      </c>
      <c r="C64" s="373" t="s">
        <v>26</v>
      </c>
      <c r="D64" s="350"/>
      <c r="E64" s="108"/>
      <c r="F64" s="91">
        <v>1176</v>
      </c>
      <c r="G64" s="91">
        <v>2911</v>
      </c>
      <c r="H64" s="91">
        <v>1414</v>
      </c>
      <c r="I64" s="105">
        <v>1497</v>
      </c>
      <c r="J64" s="94">
        <v>435</v>
      </c>
      <c r="K64" s="94">
        <v>1909</v>
      </c>
      <c r="L64" s="94">
        <v>563</v>
      </c>
      <c r="M64" s="242">
        <v>2608</v>
      </c>
      <c r="N64" s="363">
        <v>618</v>
      </c>
      <c r="O64" s="96">
        <v>811</v>
      </c>
      <c r="P64" s="106">
        <v>89.7</v>
      </c>
      <c r="Q64" s="44"/>
      <c r="T64" s="218"/>
      <c r="U64" s="218"/>
      <c r="V64" s="218"/>
    </row>
    <row r="65" spans="1:22" s="219" customFormat="1" ht="23.1" customHeight="1">
      <c r="B65" s="367"/>
      <c r="C65" s="294" t="s">
        <v>27</v>
      </c>
      <c r="D65" s="350"/>
      <c r="E65" s="108"/>
      <c r="F65" s="91">
        <v>1726</v>
      </c>
      <c r="G65" s="91">
        <v>4590</v>
      </c>
      <c r="H65" s="91">
        <v>2250</v>
      </c>
      <c r="I65" s="105">
        <v>2340</v>
      </c>
      <c r="J65" s="94">
        <v>943</v>
      </c>
      <c r="K65" s="94">
        <v>3008</v>
      </c>
      <c r="L65" s="94">
        <v>610</v>
      </c>
      <c r="M65" s="242">
        <v>2592</v>
      </c>
      <c r="N65" s="363">
        <v>603</v>
      </c>
      <c r="O65" s="277">
        <v>0</v>
      </c>
      <c r="P65" s="106">
        <v>56.8</v>
      </c>
      <c r="Q65" s="44"/>
      <c r="T65" s="218"/>
      <c r="U65" s="218"/>
      <c r="V65" s="218"/>
    </row>
    <row r="66" spans="1:22" s="219" customFormat="1" ht="23.1" customHeight="1">
      <c r="B66" s="367"/>
      <c r="C66" s="294" t="s">
        <v>28</v>
      </c>
      <c r="D66" s="350"/>
      <c r="E66" s="108"/>
      <c r="F66" s="105">
        <v>1244</v>
      </c>
      <c r="G66" s="105">
        <v>3147</v>
      </c>
      <c r="H66" s="105">
        <v>1516</v>
      </c>
      <c r="I66" s="105">
        <v>1631</v>
      </c>
      <c r="J66" s="105">
        <v>525</v>
      </c>
      <c r="K66" s="105">
        <v>2118</v>
      </c>
      <c r="L66" s="105">
        <v>499</v>
      </c>
      <c r="M66" s="242">
        <v>2612</v>
      </c>
      <c r="N66" s="363">
        <v>1182</v>
      </c>
      <c r="O66" s="277">
        <v>0</v>
      </c>
      <c r="P66" s="106">
        <v>83.1</v>
      </c>
      <c r="Q66" s="44"/>
      <c r="T66" s="218"/>
      <c r="U66" s="218"/>
      <c r="V66" s="218"/>
    </row>
    <row r="67" spans="1:22" s="219" customFormat="1" ht="23.1" customHeight="1">
      <c r="A67" s="227"/>
      <c r="B67" s="303"/>
      <c r="C67" s="294" t="s">
        <v>29</v>
      </c>
      <c r="D67" s="358"/>
      <c r="E67" s="108"/>
      <c r="F67" s="105">
        <v>1481</v>
      </c>
      <c r="G67" s="105">
        <v>3586</v>
      </c>
      <c r="H67" s="105">
        <v>1711</v>
      </c>
      <c r="I67" s="105">
        <v>1875</v>
      </c>
      <c r="J67" s="105">
        <v>595</v>
      </c>
      <c r="K67" s="105">
        <v>2296</v>
      </c>
      <c r="L67" s="105">
        <v>686</v>
      </c>
      <c r="M67" s="242">
        <v>2815</v>
      </c>
      <c r="N67" s="363">
        <v>1182</v>
      </c>
      <c r="O67" s="277">
        <v>0</v>
      </c>
      <c r="P67" s="106">
        <v>78.7</v>
      </c>
      <c r="Q67" s="44"/>
      <c r="T67" s="218"/>
      <c r="U67" s="218"/>
      <c r="V67" s="218"/>
    </row>
    <row r="68" spans="1:22" s="219" customFormat="1" ht="23.1" customHeight="1">
      <c r="A68" s="227"/>
      <c r="B68" s="303"/>
      <c r="C68" s="294" t="s">
        <v>30</v>
      </c>
      <c r="D68" s="358"/>
      <c r="E68" s="108"/>
      <c r="F68" s="105">
        <v>811</v>
      </c>
      <c r="G68" s="105">
        <v>2053</v>
      </c>
      <c r="H68" s="105">
        <v>1013</v>
      </c>
      <c r="I68" s="105">
        <v>1040</v>
      </c>
      <c r="J68" s="105">
        <v>328</v>
      </c>
      <c r="K68" s="105">
        <v>1468</v>
      </c>
      <c r="L68" s="105">
        <v>257</v>
      </c>
      <c r="M68" s="242">
        <v>2351</v>
      </c>
      <c r="N68" s="363">
        <v>1049</v>
      </c>
      <c r="O68" s="96">
        <v>502</v>
      </c>
      <c r="P68" s="106">
        <v>114.5</v>
      </c>
      <c r="Q68" s="44"/>
      <c r="T68" s="218"/>
      <c r="U68" s="218"/>
      <c r="V68" s="218"/>
    </row>
    <row r="69" spans="1:22" s="219" customFormat="1" ht="23.1" customHeight="1">
      <c r="A69" s="220"/>
      <c r="B69" s="368" t="s">
        <v>592</v>
      </c>
      <c r="C69" s="375"/>
      <c r="D69" s="354"/>
      <c r="E69" s="279"/>
      <c r="F69" s="114">
        <v>8</v>
      </c>
      <c r="G69" s="114">
        <v>8</v>
      </c>
      <c r="H69" s="114">
        <v>7</v>
      </c>
      <c r="I69" s="114">
        <v>1</v>
      </c>
      <c r="J69" s="114" t="s">
        <v>192</v>
      </c>
      <c r="K69" s="114">
        <v>3</v>
      </c>
      <c r="L69" s="114">
        <v>5</v>
      </c>
      <c r="M69" s="369">
        <v>270</v>
      </c>
      <c r="N69" s="370">
        <v>265</v>
      </c>
      <c r="O69" s="280">
        <v>0</v>
      </c>
      <c r="P69" s="371">
        <v>3375</v>
      </c>
      <c r="Q69" s="44"/>
      <c r="T69" s="218"/>
      <c r="U69" s="218"/>
      <c r="V69" s="218"/>
    </row>
    <row r="70" spans="1:22">
      <c r="E70" s="230"/>
      <c r="F70" s="221"/>
      <c r="G70" s="221"/>
      <c r="H70" s="221"/>
      <c r="I70" s="221"/>
      <c r="J70" s="221"/>
      <c r="K70" s="221"/>
      <c r="L70" s="221"/>
      <c r="M70" s="149"/>
      <c r="N70" s="149"/>
      <c r="O70" s="149"/>
      <c r="P70" s="221"/>
    </row>
    <row r="71" spans="1:22">
      <c r="E71" s="230"/>
      <c r="F71" s="221"/>
      <c r="G71" s="221"/>
      <c r="H71" s="221"/>
      <c r="I71" s="221"/>
      <c r="J71" s="221"/>
      <c r="K71" s="221"/>
      <c r="L71" s="221"/>
      <c r="M71" s="149"/>
      <c r="N71" s="149"/>
      <c r="O71" s="149"/>
      <c r="P71" s="221"/>
    </row>
    <row r="72" spans="1:22">
      <c r="E72" s="230"/>
      <c r="F72" s="221"/>
      <c r="G72" s="221"/>
      <c r="H72" s="221"/>
      <c r="I72" s="221"/>
      <c r="J72" s="221"/>
      <c r="K72" s="221"/>
      <c r="L72" s="221"/>
      <c r="M72" s="149"/>
      <c r="N72" s="149"/>
      <c r="O72" s="149"/>
      <c r="P72" s="221"/>
    </row>
    <row r="73" spans="1:22">
      <c r="E73" s="230"/>
      <c r="F73" s="221"/>
      <c r="G73" s="221"/>
      <c r="H73" s="221"/>
      <c r="I73" s="221"/>
      <c r="J73" s="221"/>
      <c r="K73" s="221"/>
      <c r="L73" s="221"/>
      <c r="M73" s="149"/>
      <c r="N73" s="149"/>
      <c r="O73" s="149"/>
      <c r="P73" s="221"/>
    </row>
    <row r="74" spans="1:22">
      <c r="E74" s="230"/>
      <c r="F74" s="221"/>
      <c r="G74" s="221"/>
      <c r="H74" s="221"/>
      <c r="I74" s="221"/>
      <c r="J74" s="221"/>
      <c r="K74" s="221"/>
      <c r="L74" s="221"/>
      <c r="M74" s="149"/>
      <c r="N74" s="149"/>
      <c r="O74" s="149"/>
      <c r="P74" s="221"/>
    </row>
    <row r="75" spans="1:22">
      <c r="E75" s="230"/>
      <c r="F75" s="221"/>
      <c r="G75" s="221"/>
      <c r="H75" s="221"/>
      <c r="I75" s="221"/>
      <c r="J75" s="221"/>
      <c r="K75" s="221"/>
      <c r="L75" s="221"/>
      <c r="M75" s="149"/>
      <c r="N75" s="149"/>
      <c r="O75" s="149"/>
      <c r="P75" s="221"/>
    </row>
    <row r="76" spans="1:22">
      <c r="E76" s="230"/>
      <c r="F76" s="221"/>
      <c r="G76" s="221"/>
      <c r="H76" s="221"/>
      <c r="I76" s="221"/>
      <c r="J76" s="221"/>
      <c r="K76" s="221"/>
      <c r="L76" s="221"/>
      <c r="M76" s="149"/>
      <c r="N76" s="149"/>
      <c r="O76" s="149"/>
      <c r="P76" s="221"/>
    </row>
    <row r="77" spans="1:22">
      <c r="E77" s="230"/>
      <c r="F77" s="221"/>
      <c r="G77" s="221"/>
      <c r="H77" s="221"/>
      <c r="I77" s="221"/>
      <c r="J77" s="221"/>
      <c r="K77" s="221"/>
      <c r="L77" s="221"/>
      <c r="M77" s="149"/>
      <c r="N77" s="149"/>
      <c r="O77" s="149"/>
      <c r="P77" s="221"/>
    </row>
    <row r="78" spans="1:22">
      <c r="E78" s="230"/>
      <c r="F78" s="221"/>
      <c r="G78" s="221"/>
      <c r="H78" s="221"/>
      <c r="I78" s="221"/>
      <c r="J78" s="221"/>
      <c r="K78" s="221"/>
      <c r="L78" s="221"/>
      <c r="M78" s="149"/>
      <c r="N78" s="149"/>
      <c r="O78" s="149"/>
      <c r="P78" s="221"/>
    </row>
    <row r="79" spans="1:22">
      <c r="E79" s="230"/>
      <c r="F79" s="221"/>
      <c r="G79" s="221"/>
      <c r="H79" s="221"/>
      <c r="I79" s="221"/>
      <c r="J79" s="221"/>
      <c r="K79" s="221"/>
      <c r="L79" s="221"/>
      <c r="M79" s="149"/>
      <c r="N79" s="149"/>
      <c r="O79" s="149"/>
      <c r="P79" s="221"/>
    </row>
    <row r="80" spans="1:22">
      <c r="E80" s="230"/>
      <c r="F80" s="221"/>
      <c r="G80" s="221"/>
      <c r="H80" s="221"/>
      <c r="I80" s="221"/>
      <c r="J80" s="221"/>
      <c r="K80" s="221"/>
      <c r="L80" s="221"/>
      <c r="M80" s="149"/>
      <c r="N80" s="149"/>
      <c r="O80" s="149"/>
      <c r="P80" s="221"/>
    </row>
    <row r="81" spans="5:16">
      <c r="E81" s="230"/>
      <c r="F81" s="221"/>
      <c r="G81" s="221"/>
      <c r="H81" s="221"/>
      <c r="I81" s="221"/>
      <c r="J81" s="221"/>
      <c r="K81" s="221"/>
      <c r="L81" s="221"/>
      <c r="M81" s="149"/>
      <c r="N81" s="149"/>
      <c r="O81" s="149"/>
      <c r="P81" s="221"/>
    </row>
    <row r="82" spans="5:16">
      <c r="E82" s="230"/>
      <c r="F82" s="221"/>
      <c r="G82" s="221"/>
      <c r="H82" s="221"/>
      <c r="I82" s="221"/>
      <c r="J82" s="221"/>
      <c r="K82" s="221"/>
      <c r="L82" s="221"/>
      <c r="M82" s="149"/>
      <c r="N82" s="149"/>
      <c r="O82" s="149"/>
      <c r="P82" s="221"/>
    </row>
    <row r="83" spans="5:16">
      <c r="E83" s="230"/>
      <c r="F83" s="221"/>
      <c r="G83" s="221"/>
      <c r="H83" s="221"/>
      <c r="I83" s="221"/>
      <c r="J83" s="221"/>
      <c r="K83" s="221"/>
      <c r="L83" s="221"/>
      <c r="M83" s="149"/>
      <c r="N83" s="149"/>
      <c r="O83" s="149"/>
      <c r="P83" s="221"/>
    </row>
    <row r="84" spans="5:16">
      <c r="E84" s="230"/>
      <c r="F84" s="221"/>
      <c r="G84" s="221"/>
      <c r="H84" s="221"/>
      <c r="I84" s="221"/>
      <c r="J84" s="221"/>
      <c r="K84" s="221"/>
      <c r="L84" s="221"/>
      <c r="M84" s="149"/>
      <c r="N84" s="149"/>
      <c r="O84" s="149"/>
      <c r="P84" s="221"/>
    </row>
    <row r="85" spans="5:16">
      <c r="E85" s="230"/>
      <c r="F85" s="221"/>
      <c r="G85" s="221"/>
      <c r="H85" s="221"/>
      <c r="I85" s="221"/>
      <c r="J85" s="221"/>
      <c r="K85" s="221"/>
      <c r="L85" s="221"/>
      <c r="M85" s="149"/>
      <c r="N85" s="149"/>
      <c r="O85" s="149"/>
      <c r="P85" s="221"/>
    </row>
    <row r="86" spans="5:16">
      <c r="E86" s="230"/>
      <c r="F86" s="221"/>
      <c r="G86" s="221"/>
      <c r="H86" s="221"/>
      <c r="I86" s="221"/>
      <c r="J86" s="221"/>
      <c r="K86" s="221"/>
      <c r="L86" s="221"/>
      <c r="M86" s="149"/>
      <c r="N86" s="149"/>
      <c r="O86" s="149"/>
      <c r="P86" s="221"/>
    </row>
    <row r="87" spans="5:16">
      <c r="E87" s="230"/>
      <c r="F87" s="221"/>
      <c r="G87" s="221"/>
      <c r="H87" s="221"/>
      <c r="I87" s="221"/>
      <c r="J87" s="221"/>
      <c r="K87" s="221"/>
      <c r="L87" s="221"/>
      <c r="M87" s="149"/>
      <c r="N87" s="149"/>
      <c r="O87" s="149"/>
      <c r="P87" s="221"/>
    </row>
    <row r="88" spans="5:16">
      <c r="E88" s="230"/>
      <c r="F88" s="221"/>
      <c r="G88" s="221"/>
      <c r="H88" s="221"/>
      <c r="I88" s="221"/>
      <c r="J88" s="221"/>
      <c r="K88" s="221"/>
      <c r="L88" s="221"/>
      <c r="M88" s="149"/>
      <c r="N88" s="149"/>
      <c r="O88" s="149"/>
      <c r="P88" s="221"/>
    </row>
    <row r="89" spans="5:16">
      <c r="E89" s="230"/>
      <c r="F89" s="221"/>
      <c r="G89" s="221"/>
      <c r="H89" s="221"/>
      <c r="I89" s="221"/>
      <c r="J89" s="221"/>
      <c r="K89" s="221"/>
      <c r="L89" s="221"/>
      <c r="M89" s="149"/>
      <c r="N89" s="149"/>
      <c r="O89" s="149"/>
      <c r="P89" s="221"/>
    </row>
    <row r="90" spans="5:16">
      <c r="E90" s="230"/>
      <c r="F90" s="221"/>
      <c r="G90" s="221"/>
      <c r="H90" s="221"/>
      <c r="I90" s="221"/>
      <c r="J90" s="221"/>
      <c r="K90" s="221"/>
      <c r="L90" s="221"/>
      <c r="M90" s="149"/>
      <c r="N90" s="149"/>
      <c r="O90" s="149"/>
      <c r="P90" s="221"/>
    </row>
    <row r="91" spans="5:16">
      <c r="E91" s="230"/>
      <c r="F91" s="221"/>
      <c r="G91" s="221"/>
      <c r="H91" s="221"/>
      <c r="I91" s="221"/>
      <c r="J91" s="221"/>
      <c r="K91" s="221"/>
      <c r="L91" s="221"/>
      <c r="M91" s="149"/>
      <c r="N91" s="149"/>
      <c r="O91" s="149"/>
      <c r="P91" s="221"/>
    </row>
    <row r="92" spans="5:16">
      <c r="E92" s="230"/>
      <c r="F92" s="221"/>
      <c r="G92" s="221"/>
      <c r="H92" s="221"/>
      <c r="I92" s="221"/>
      <c r="J92" s="221"/>
      <c r="K92" s="221"/>
      <c r="L92" s="221"/>
      <c r="M92" s="149"/>
      <c r="N92" s="149"/>
      <c r="O92" s="149"/>
      <c r="P92" s="221"/>
    </row>
    <row r="93" spans="5:16">
      <c r="E93" s="230"/>
      <c r="F93" s="221"/>
      <c r="G93" s="221"/>
      <c r="H93" s="221"/>
      <c r="I93" s="221"/>
      <c r="J93" s="221"/>
      <c r="K93" s="221"/>
      <c r="L93" s="221"/>
      <c r="M93" s="149"/>
      <c r="N93" s="149"/>
      <c r="O93" s="149"/>
      <c r="P93" s="221"/>
    </row>
    <row r="94" spans="5:16">
      <c r="E94" s="230"/>
      <c r="F94" s="221"/>
      <c r="G94" s="221"/>
      <c r="H94" s="221"/>
      <c r="I94" s="221"/>
      <c r="J94" s="221"/>
      <c r="K94" s="221"/>
      <c r="L94" s="221"/>
      <c r="M94" s="149"/>
      <c r="N94" s="149"/>
      <c r="O94" s="149"/>
      <c r="P94" s="221"/>
    </row>
    <row r="95" spans="5:16">
      <c r="E95" s="230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5:16">
      <c r="E96" s="230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30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30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30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30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30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30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30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30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30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30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30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30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30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30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30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30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30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30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30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30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30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30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30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30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30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30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30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30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30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30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30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1" fitToHeight="0" orientation="portrait" r:id="rId1"/>
  <headerFooter alignWithMargins="0"/>
  <rowBreaks count="1" manualBreakCount="1">
    <brk id="38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0"/>
  <sheetViews>
    <sheetView zoomScaleNormal="100" zoomScaleSheetLayoutView="115" workbookViewId="0">
      <pane ySplit="8" topLeftCell="A64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3.832031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5" width="9.83203125" style="45" customWidth="1"/>
    <col min="16" max="16" width="10.664062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593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20.25" customHeight="1">
      <c r="B9" s="455" t="s">
        <v>92</v>
      </c>
      <c r="C9" s="455"/>
      <c r="D9" s="345"/>
      <c r="E9" s="28"/>
      <c r="F9" s="83">
        <v>47795</v>
      </c>
      <c r="G9" s="152">
        <v>107354</v>
      </c>
      <c r="H9" s="152">
        <v>49901</v>
      </c>
      <c r="I9" s="81">
        <v>57453</v>
      </c>
      <c r="J9" s="346">
        <v>13338</v>
      </c>
      <c r="K9" s="83">
        <v>69087</v>
      </c>
      <c r="L9" s="287">
        <v>24283</v>
      </c>
      <c r="M9" s="347">
        <v>115815</v>
      </c>
      <c r="N9" s="85">
        <v>50323</v>
      </c>
      <c r="O9" s="85">
        <v>19867</v>
      </c>
      <c r="P9" s="86">
        <v>108.5</v>
      </c>
    </row>
    <row r="10" spans="1:22" s="219" customFormat="1" ht="6.6" customHeight="1">
      <c r="B10" s="348"/>
      <c r="C10" s="373"/>
      <c r="D10" s="350"/>
      <c r="E10" s="32"/>
      <c r="F10" s="94"/>
      <c r="G10" s="91"/>
      <c r="H10" s="91"/>
      <c r="I10" s="105"/>
      <c r="J10" s="123"/>
      <c r="K10" s="94"/>
      <c r="L10" s="132"/>
      <c r="M10" s="351"/>
      <c r="N10" s="96"/>
      <c r="O10" s="96"/>
      <c r="P10" s="106"/>
    </row>
    <row r="11" spans="1:22" s="219" customFormat="1" ht="21" customHeight="1">
      <c r="B11" s="348" t="s">
        <v>594</v>
      </c>
      <c r="C11" s="373" t="s">
        <v>26</v>
      </c>
      <c r="D11" s="350"/>
      <c r="E11" s="32"/>
      <c r="F11" s="94">
        <v>738</v>
      </c>
      <c r="G11" s="91">
        <v>1488</v>
      </c>
      <c r="H11" s="91">
        <v>728</v>
      </c>
      <c r="I11" s="105">
        <v>760</v>
      </c>
      <c r="J11" s="123">
        <v>160</v>
      </c>
      <c r="K11" s="94">
        <v>992</v>
      </c>
      <c r="L11" s="132">
        <v>336</v>
      </c>
      <c r="M11" s="351">
        <v>990</v>
      </c>
      <c r="N11" s="96">
        <v>317</v>
      </c>
      <c r="O11" s="277">
        <v>0</v>
      </c>
      <c r="P11" s="106">
        <v>66.5</v>
      </c>
      <c r="T11" s="218"/>
      <c r="U11" s="218"/>
      <c r="V11" s="218"/>
    </row>
    <row r="12" spans="1:22" s="219" customFormat="1" ht="21" customHeight="1">
      <c r="B12" s="348"/>
      <c r="C12" s="373" t="s">
        <v>27</v>
      </c>
      <c r="D12" s="350"/>
      <c r="E12" s="32"/>
      <c r="F12" s="94">
        <v>1223</v>
      </c>
      <c r="G12" s="91">
        <v>2734</v>
      </c>
      <c r="H12" s="91">
        <v>1323</v>
      </c>
      <c r="I12" s="105">
        <v>1411</v>
      </c>
      <c r="J12" s="123">
        <v>284</v>
      </c>
      <c r="K12" s="94">
        <v>1768</v>
      </c>
      <c r="L12" s="132">
        <v>682</v>
      </c>
      <c r="M12" s="351">
        <v>2491</v>
      </c>
      <c r="N12" s="96">
        <v>1271</v>
      </c>
      <c r="O12" s="277">
        <v>0</v>
      </c>
      <c r="P12" s="106">
        <v>91.1</v>
      </c>
      <c r="T12" s="218"/>
      <c r="U12" s="218"/>
      <c r="V12" s="218"/>
    </row>
    <row r="13" spans="1:22" s="219" customFormat="1" ht="21" customHeight="1">
      <c r="B13" s="348"/>
      <c r="C13" s="373" t="s">
        <v>28</v>
      </c>
      <c r="D13" s="350"/>
      <c r="E13" s="32"/>
      <c r="F13" s="94">
        <v>1341</v>
      </c>
      <c r="G13" s="91">
        <v>3270</v>
      </c>
      <c r="H13" s="91">
        <v>1562</v>
      </c>
      <c r="I13" s="105">
        <v>1708</v>
      </c>
      <c r="J13" s="123">
        <v>386</v>
      </c>
      <c r="K13" s="94">
        <v>2149</v>
      </c>
      <c r="L13" s="132">
        <v>735</v>
      </c>
      <c r="M13" s="351">
        <v>2690</v>
      </c>
      <c r="N13" s="96">
        <v>939</v>
      </c>
      <c r="O13" s="96">
        <v>340</v>
      </c>
      <c r="P13" s="106">
        <v>82.3</v>
      </c>
      <c r="T13" s="218"/>
      <c r="U13" s="218"/>
      <c r="V13" s="218"/>
    </row>
    <row r="14" spans="1:22" s="219" customFormat="1" ht="21" customHeight="1">
      <c r="B14" s="348" t="s">
        <v>595</v>
      </c>
      <c r="C14" s="373" t="s">
        <v>26</v>
      </c>
      <c r="D14" s="350"/>
      <c r="E14" s="32"/>
      <c r="F14" s="94">
        <v>116</v>
      </c>
      <c r="G14" s="91">
        <v>223</v>
      </c>
      <c r="H14" s="91">
        <v>82</v>
      </c>
      <c r="I14" s="105">
        <v>141</v>
      </c>
      <c r="J14" s="123">
        <v>13</v>
      </c>
      <c r="K14" s="94">
        <v>166</v>
      </c>
      <c r="L14" s="132">
        <v>44</v>
      </c>
      <c r="M14" s="351">
        <v>699</v>
      </c>
      <c r="N14" s="96">
        <v>608</v>
      </c>
      <c r="O14" s="277">
        <v>0</v>
      </c>
      <c r="P14" s="106">
        <v>313.5</v>
      </c>
      <c r="T14" s="218"/>
      <c r="U14" s="218"/>
      <c r="V14" s="218"/>
    </row>
    <row r="15" spans="1:22" s="219" customFormat="1" ht="21" customHeight="1">
      <c r="B15" s="348"/>
      <c r="C15" s="373" t="s">
        <v>27</v>
      </c>
      <c r="D15" s="350"/>
      <c r="E15" s="32"/>
      <c r="F15" s="94">
        <v>659</v>
      </c>
      <c r="G15" s="91">
        <v>1140</v>
      </c>
      <c r="H15" s="91">
        <v>560</v>
      </c>
      <c r="I15" s="105">
        <v>580</v>
      </c>
      <c r="J15" s="123">
        <v>90</v>
      </c>
      <c r="K15" s="94">
        <v>829</v>
      </c>
      <c r="L15" s="132">
        <v>220</v>
      </c>
      <c r="M15" s="351">
        <v>1553</v>
      </c>
      <c r="N15" s="96">
        <v>530</v>
      </c>
      <c r="O15" s="96">
        <v>542</v>
      </c>
      <c r="P15" s="106">
        <v>136.30000000000001</v>
      </c>
      <c r="T15" s="218"/>
      <c r="U15" s="218"/>
      <c r="V15" s="218"/>
    </row>
    <row r="16" spans="1:22" s="219" customFormat="1" ht="21" customHeight="1">
      <c r="B16" s="348"/>
      <c r="C16" s="373" t="s">
        <v>28</v>
      </c>
      <c r="D16" s="350"/>
      <c r="E16" s="32"/>
      <c r="F16" s="94">
        <v>562</v>
      </c>
      <c r="G16" s="91">
        <v>1253</v>
      </c>
      <c r="H16" s="91">
        <v>597</v>
      </c>
      <c r="I16" s="105">
        <v>656</v>
      </c>
      <c r="J16" s="123">
        <v>188</v>
      </c>
      <c r="K16" s="94">
        <v>871</v>
      </c>
      <c r="L16" s="132">
        <v>194</v>
      </c>
      <c r="M16" s="351">
        <v>745</v>
      </c>
      <c r="N16" s="96">
        <v>276</v>
      </c>
      <c r="O16" s="277">
        <v>0</v>
      </c>
      <c r="P16" s="106">
        <v>59.5</v>
      </c>
      <c r="T16" s="218"/>
      <c r="U16" s="218"/>
      <c r="V16" s="218"/>
    </row>
    <row r="17" spans="2:22" s="219" customFormat="1" ht="21" customHeight="1">
      <c r="B17" s="348" t="s">
        <v>596</v>
      </c>
      <c r="C17" s="373" t="s">
        <v>26</v>
      </c>
      <c r="D17" s="350"/>
      <c r="E17" s="32"/>
      <c r="F17" s="94">
        <v>356</v>
      </c>
      <c r="G17" s="91">
        <v>716</v>
      </c>
      <c r="H17" s="91">
        <v>344</v>
      </c>
      <c r="I17" s="105">
        <v>372</v>
      </c>
      <c r="J17" s="123">
        <v>73</v>
      </c>
      <c r="K17" s="94">
        <v>512</v>
      </c>
      <c r="L17" s="132">
        <v>131</v>
      </c>
      <c r="M17" s="351">
        <v>7605</v>
      </c>
      <c r="N17" s="96">
        <v>7334</v>
      </c>
      <c r="O17" s="277">
        <v>0</v>
      </c>
      <c r="P17" s="106">
        <v>1062.2</v>
      </c>
      <c r="T17" s="218"/>
      <c r="U17" s="218"/>
      <c r="V17" s="218"/>
    </row>
    <row r="18" spans="2:22" s="219" customFormat="1" ht="21" customHeight="1">
      <c r="B18" s="348"/>
      <c r="C18" s="373" t="s">
        <v>27</v>
      </c>
      <c r="D18" s="350"/>
      <c r="E18" s="32"/>
      <c r="F18" s="94">
        <v>221</v>
      </c>
      <c r="G18" s="91">
        <v>529</v>
      </c>
      <c r="H18" s="91">
        <v>247</v>
      </c>
      <c r="I18" s="105">
        <v>282</v>
      </c>
      <c r="J18" s="123">
        <v>84</v>
      </c>
      <c r="K18" s="94">
        <v>376</v>
      </c>
      <c r="L18" s="132">
        <v>69</v>
      </c>
      <c r="M18" s="351">
        <v>1320</v>
      </c>
      <c r="N18" s="96">
        <v>1096</v>
      </c>
      <c r="O18" s="277">
        <v>0</v>
      </c>
      <c r="P18" s="106">
        <v>249.5</v>
      </c>
      <c r="T18" s="218"/>
      <c r="U18" s="218"/>
      <c r="V18" s="218"/>
    </row>
    <row r="19" spans="2:22" s="219" customFormat="1" ht="21" customHeight="1">
      <c r="B19" s="348"/>
      <c r="C19" s="373" t="s">
        <v>28</v>
      </c>
      <c r="D19" s="350"/>
      <c r="E19" s="32"/>
      <c r="F19" s="94">
        <v>1000</v>
      </c>
      <c r="G19" s="91">
        <v>2147</v>
      </c>
      <c r="H19" s="91">
        <v>995</v>
      </c>
      <c r="I19" s="105">
        <v>1152</v>
      </c>
      <c r="J19" s="123">
        <v>231</v>
      </c>
      <c r="K19" s="94">
        <v>1357</v>
      </c>
      <c r="L19" s="132">
        <v>559</v>
      </c>
      <c r="M19" s="351">
        <v>2172</v>
      </c>
      <c r="N19" s="96">
        <v>1114</v>
      </c>
      <c r="O19" s="277">
        <v>0</v>
      </c>
      <c r="P19" s="106">
        <v>101.2</v>
      </c>
      <c r="T19" s="218"/>
      <c r="U19" s="218"/>
      <c r="V19" s="218"/>
    </row>
    <row r="20" spans="2:22" s="219" customFormat="1" ht="21" customHeight="1">
      <c r="B20" s="348"/>
      <c r="C20" s="373" t="s">
        <v>29</v>
      </c>
      <c r="D20" s="350"/>
      <c r="E20" s="32"/>
      <c r="F20" s="94">
        <v>944</v>
      </c>
      <c r="G20" s="91">
        <v>1952</v>
      </c>
      <c r="H20" s="91">
        <v>935</v>
      </c>
      <c r="I20" s="105">
        <v>1017</v>
      </c>
      <c r="J20" s="123">
        <v>221</v>
      </c>
      <c r="K20" s="94">
        <v>1317</v>
      </c>
      <c r="L20" s="132">
        <v>414</v>
      </c>
      <c r="M20" s="351">
        <v>1229</v>
      </c>
      <c r="N20" s="96">
        <v>390</v>
      </c>
      <c r="O20" s="277">
        <v>0</v>
      </c>
      <c r="P20" s="106">
        <v>63</v>
      </c>
      <c r="T20" s="218"/>
      <c r="U20" s="218"/>
      <c r="V20" s="218"/>
    </row>
    <row r="21" spans="2:22" s="219" customFormat="1" ht="21" customHeight="1">
      <c r="B21" s="348"/>
      <c r="C21" s="373" t="s">
        <v>30</v>
      </c>
      <c r="D21" s="350"/>
      <c r="E21" s="32"/>
      <c r="F21" s="94">
        <v>814</v>
      </c>
      <c r="G21" s="91">
        <v>1786</v>
      </c>
      <c r="H21" s="91">
        <v>858</v>
      </c>
      <c r="I21" s="105">
        <v>928</v>
      </c>
      <c r="J21" s="123">
        <v>167</v>
      </c>
      <c r="K21" s="94">
        <v>1183</v>
      </c>
      <c r="L21" s="132">
        <v>436</v>
      </c>
      <c r="M21" s="351">
        <v>1513</v>
      </c>
      <c r="N21" s="96">
        <v>722</v>
      </c>
      <c r="O21" s="277">
        <v>0</v>
      </c>
      <c r="P21" s="106">
        <v>84.7</v>
      </c>
      <c r="T21" s="218"/>
      <c r="U21" s="218"/>
      <c r="V21" s="218"/>
    </row>
    <row r="22" spans="2:22" s="219" customFormat="1" ht="21" customHeight="1">
      <c r="B22" s="348" t="s">
        <v>597</v>
      </c>
      <c r="C22" s="373" t="s">
        <v>26</v>
      </c>
      <c r="D22" s="350"/>
      <c r="E22" s="32"/>
      <c r="F22" s="94">
        <v>75</v>
      </c>
      <c r="G22" s="91">
        <v>163</v>
      </c>
      <c r="H22" s="91">
        <v>51</v>
      </c>
      <c r="I22" s="105">
        <v>112</v>
      </c>
      <c r="J22" s="123">
        <v>16</v>
      </c>
      <c r="K22" s="94">
        <v>118</v>
      </c>
      <c r="L22" s="132">
        <v>29</v>
      </c>
      <c r="M22" s="351">
        <v>2508</v>
      </c>
      <c r="N22" s="96">
        <v>1692</v>
      </c>
      <c r="O22" s="103">
        <v>748</v>
      </c>
      <c r="P22" s="236">
        <v>1538.7</v>
      </c>
      <c r="T22" s="218"/>
      <c r="U22" s="218"/>
      <c r="V22" s="218"/>
    </row>
    <row r="23" spans="2:22" s="219" customFormat="1" ht="21" customHeight="1">
      <c r="B23" s="348" t="s">
        <v>0</v>
      </c>
      <c r="C23" s="373" t="s">
        <v>27</v>
      </c>
      <c r="D23" s="350"/>
      <c r="E23" s="32"/>
      <c r="F23" s="94">
        <v>1373</v>
      </c>
      <c r="G23" s="91">
        <v>3088</v>
      </c>
      <c r="H23" s="91">
        <v>1380</v>
      </c>
      <c r="I23" s="105">
        <v>1708</v>
      </c>
      <c r="J23" s="123">
        <v>351</v>
      </c>
      <c r="K23" s="94">
        <v>1949</v>
      </c>
      <c r="L23" s="132">
        <v>779</v>
      </c>
      <c r="M23" s="351">
        <v>4221</v>
      </c>
      <c r="N23" s="96">
        <v>2344</v>
      </c>
      <c r="O23" s="96">
        <v>514</v>
      </c>
      <c r="P23" s="106">
        <v>137.1</v>
      </c>
      <c r="T23" s="218"/>
      <c r="U23" s="218"/>
      <c r="V23" s="218"/>
    </row>
    <row r="24" spans="2:22" s="219" customFormat="1" ht="21" customHeight="1">
      <c r="B24" s="348"/>
      <c r="C24" s="373" t="s">
        <v>28</v>
      </c>
      <c r="D24" s="350"/>
      <c r="E24" s="32"/>
      <c r="F24" s="94">
        <v>1148</v>
      </c>
      <c r="G24" s="91">
        <v>2715</v>
      </c>
      <c r="H24" s="91">
        <v>1280</v>
      </c>
      <c r="I24" s="105">
        <v>1435</v>
      </c>
      <c r="J24" s="123">
        <v>478</v>
      </c>
      <c r="K24" s="94">
        <v>1905</v>
      </c>
      <c r="L24" s="132">
        <v>332</v>
      </c>
      <c r="M24" s="351">
        <v>4529</v>
      </c>
      <c r="N24" s="96">
        <v>1096</v>
      </c>
      <c r="O24" s="96">
        <v>2465</v>
      </c>
      <c r="P24" s="106">
        <v>166.8</v>
      </c>
      <c r="T24" s="218"/>
      <c r="U24" s="218"/>
      <c r="V24" s="218"/>
    </row>
    <row r="25" spans="2:22" s="219" customFormat="1" ht="21" customHeight="1">
      <c r="B25" s="348"/>
      <c r="C25" s="373" t="s">
        <v>29</v>
      </c>
      <c r="D25" s="350"/>
      <c r="E25" s="32"/>
      <c r="F25" s="94">
        <v>482</v>
      </c>
      <c r="G25" s="91">
        <v>1068</v>
      </c>
      <c r="H25" s="91">
        <v>517</v>
      </c>
      <c r="I25" s="105">
        <v>551</v>
      </c>
      <c r="J25" s="123">
        <v>156</v>
      </c>
      <c r="K25" s="94">
        <v>698</v>
      </c>
      <c r="L25" s="132">
        <v>214</v>
      </c>
      <c r="M25" s="351">
        <v>979</v>
      </c>
      <c r="N25" s="96">
        <v>538</v>
      </c>
      <c r="O25" s="96">
        <v>0</v>
      </c>
      <c r="P25" s="106">
        <v>91.7</v>
      </c>
      <c r="T25" s="218"/>
      <c r="U25" s="218"/>
      <c r="V25" s="218"/>
    </row>
    <row r="26" spans="2:22" s="219" customFormat="1" ht="21" customHeight="1">
      <c r="B26" s="348" t="s">
        <v>598</v>
      </c>
      <c r="C26" s="373" t="s">
        <v>26</v>
      </c>
      <c r="D26" s="350"/>
      <c r="E26" s="32"/>
      <c r="F26" s="94">
        <v>615</v>
      </c>
      <c r="G26" s="91">
        <v>1427</v>
      </c>
      <c r="H26" s="91">
        <v>658</v>
      </c>
      <c r="I26" s="105">
        <v>769</v>
      </c>
      <c r="J26" s="123">
        <v>240</v>
      </c>
      <c r="K26" s="94">
        <v>911</v>
      </c>
      <c r="L26" s="132">
        <v>276</v>
      </c>
      <c r="M26" s="351">
        <v>910</v>
      </c>
      <c r="N26" s="96">
        <v>341</v>
      </c>
      <c r="O26" s="277">
        <v>0</v>
      </c>
      <c r="P26" s="106">
        <v>63.8</v>
      </c>
      <c r="T26" s="218"/>
      <c r="U26" s="218"/>
      <c r="V26" s="218"/>
    </row>
    <row r="27" spans="2:22" s="219" customFormat="1" ht="21" customHeight="1">
      <c r="B27" s="348"/>
      <c r="C27" s="373" t="s">
        <v>27</v>
      </c>
      <c r="D27" s="350"/>
      <c r="E27" s="32"/>
      <c r="F27" s="94">
        <v>458</v>
      </c>
      <c r="G27" s="91">
        <v>1021</v>
      </c>
      <c r="H27" s="91">
        <v>498</v>
      </c>
      <c r="I27" s="105">
        <v>523</v>
      </c>
      <c r="J27" s="123">
        <v>157</v>
      </c>
      <c r="K27" s="94">
        <v>684</v>
      </c>
      <c r="L27" s="132">
        <v>180</v>
      </c>
      <c r="M27" s="351">
        <v>1970</v>
      </c>
      <c r="N27" s="96">
        <v>725</v>
      </c>
      <c r="O27" s="96">
        <v>836</v>
      </c>
      <c r="P27" s="106">
        <v>192.9</v>
      </c>
      <c r="T27" s="218"/>
      <c r="U27" s="218"/>
      <c r="V27" s="218"/>
    </row>
    <row r="28" spans="2:22" s="219" customFormat="1" ht="21" customHeight="1">
      <c r="B28" s="348" t="s">
        <v>599</v>
      </c>
      <c r="C28" s="373" t="s">
        <v>26</v>
      </c>
      <c r="D28" s="350"/>
      <c r="E28" s="32"/>
      <c r="F28" s="94">
        <v>366</v>
      </c>
      <c r="G28" s="91">
        <v>710</v>
      </c>
      <c r="H28" s="91">
        <v>318</v>
      </c>
      <c r="I28" s="105">
        <v>392</v>
      </c>
      <c r="J28" s="123">
        <v>71</v>
      </c>
      <c r="K28" s="94">
        <v>469</v>
      </c>
      <c r="L28" s="132">
        <v>146</v>
      </c>
      <c r="M28" s="351">
        <v>1109</v>
      </c>
      <c r="N28" s="96">
        <v>207</v>
      </c>
      <c r="O28" s="96">
        <v>589</v>
      </c>
      <c r="P28" s="106">
        <v>161.69999999999999</v>
      </c>
      <c r="T28" s="218"/>
      <c r="U28" s="218"/>
      <c r="V28" s="218"/>
    </row>
    <row r="29" spans="2:22" s="219" customFormat="1" ht="21" customHeight="1">
      <c r="B29" s="348"/>
      <c r="C29" s="373" t="s">
        <v>27</v>
      </c>
      <c r="D29" s="350"/>
      <c r="E29" s="32"/>
      <c r="F29" s="94">
        <v>687</v>
      </c>
      <c r="G29" s="91">
        <v>1528</v>
      </c>
      <c r="H29" s="91">
        <v>724</v>
      </c>
      <c r="I29" s="105">
        <v>804</v>
      </c>
      <c r="J29" s="123">
        <v>146</v>
      </c>
      <c r="K29" s="94">
        <v>995</v>
      </c>
      <c r="L29" s="132">
        <v>387</v>
      </c>
      <c r="M29" s="351">
        <v>1780</v>
      </c>
      <c r="N29" s="96">
        <v>788</v>
      </c>
      <c r="O29" s="96">
        <v>385</v>
      </c>
      <c r="P29" s="106">
        <v>116.5</v>
      </c>
      <c r="T29" s="218"/>
      <c r="U29" s="218"/>
      <c r="V29" s="218"/>
    </row>
    <row r="30" spans="2:22" s="219" customFormat="1" ht="21" customHeight="1">
      <c r="B30" s="348"/>
      <c r="C30" s="373" t="s">
        <v>28</v>
      </c>
      <c r="D30" s="350"/>
      <c r="E30" s="32"/>
      <c r="F30" s="94">
        <v>295</v>
      </c>
      <c r="G30" s="91">
        <v>770</v>
      </c>
      <c r="H30" s="91">
        <v>357</v>
      </c>
      <c r="I30" s="105">
        <v>413</v>
      </c>
      <c r="J30" s="123">
        <v>170</v>
      </c>
      <c r="K30" s="94">
        <v>503</v>
      </c>
      <c r="L30" s="132">
        <v>97</v>
      </c>
      <c r="M30" s="351">
        <v>502</v>
      </c>
      <c r="N30" s="96">
        <v>206</v>
      </c>
      <c r="O30" s="277">
        <v>0</v>
      </c>
      <c r="P30" s="106">
        <v>65.2</v>
      </c>
      <c r="T30" s="218"/>
      <c r="U30" s="218"/>
      <c r="V30" s="218"/>
    </row>
    <row r="31" spans="2:22" s="219" customFormat="1" ht="21" customHeight="1">
      <c r="B31" s="348" t="s">
        <v>600</v>
      </c>
      <c r="C31" s="373" t="s">
        <v>26</v>
      </c>
      <c r="D31" s="350"/>
      <c r="E31" s="32"/>
      <c r="F31" s="94">
        <v>322</v>
      </c>
      <c r="G31" s="91">
        <v>727</v>
      </c>
      <c r="H31" s="91">
        <v>336</v>
      </c>
      <c r="I31" s="105">
        <v>391</v>
      </c>
      <c r="J31" s="123">
        <v>74</v>
      </c>
      <c r="K31" s="94">
        <v>440</v>
      </c>
      <c r="L31" s="132">
        <v>213</v>
      </c>
      <c r="M31" s="351">
        <v>5048</v>
      </c>
      <c r="N31" s="96">
        <v>3834</v>
      </c>
      <c r="O31" s="96">
        <v>884</v>
      </c>
      <c r="P31" s="106">
        <v>694.4</v>
      </c>
      <c r="T31" s="218"/>
      <c r="U31" s="218"/>
      <c r="V31" s="218"/>
    </row>
    <row r="32" spans="2:22" s="219" customFormat="1" ht="21" customHeight="1">
      <c r="B32" s="348"/>
      <c r="C32" s="373" t="s">
        <v>27</v>
      </c>
      <c r="D32" s="350"/>
      <c r="E32" s="32"/>
      <c r="F32" s="94">
        <v>528</v>
      </c>
      <c r="G32" s="91">
        <v>1131</v>
      </c>
      <c r="H32" s="91">
        <v>498</v>
      </c>
      <c r="I32" s="105">
        <v>633</v>
      </c>
      <c r="J32" s="123">
        <v>152</v>
      </c>
      <c r="K32" s="94">
        <v>767</v>
      </c>
      <c r="L32" s="132">
        <v>212</v>
      </c>
      <c r="M32" s="351">
        <v>648</v>
      </c>
      <c r="N32" s="96">
        <v>185</v>
      </c>
      <c r="O32" s="277">
        <v>0</v>
      </c>
      <c r="P32" s="106">
        <v>57.3</v>
      </c>
      <c r="T32" s="218"/>
      <c r="U32" s="218"/>
      <c r="V32" s="218"/>
    </row>
    <row r="33" spans="1:22" s="219" customFormat="1" ht="21" customHeight="1">
      <c r="B33" s="348"/>
      <c r="C33" s="373" t="s">
        <v>28</v>
      </c>
      <c r="D33" s="350"/>
      <c r="E33" s="32"/>
      <c r="F33" s="94">
        <v>678</v>
      </c>
      <c r="G33" s="91">
        <v>1520</v>
      </c>
      <c r="H33" s="91">
        <v>677</v>
      </c>
      <c r="I33" s="105">
        <v>843</v>
      </c>
      <c r="J33" s="123">
        <v>193</v>
      </c>
      <c r="K33" s="94">
        <v>1018</v>
      </c>
      <c r="L33" s="132">
        <v>309</v>
      </c>
      <c r="M33" s="351">
        <v>1055</v>
      </c>
      <c r="N33" s="96">
        <v>167</v>
      </c>
      <c r="O33" s="96">
        <v>267</v>
      </c>
      <c r="P33" s="106">
        <v>69.400000000000006</v>
      </c>
      <c r="T33" s="218"/>
      <c r="U33" s="218"/>
      <c r="V33" s="218"/>
    </row>
    <row r="34" spans="1:22" s="219" customFormat="1" ht="21" customHeight="1">
      <c r="B34" s="348" t="s">
        <v>601</v>
      </c>
      <c r="C34" s="373" t="s">
        <v>26</v>
      </c>
      <c r="D34" s="350"/>
      <c r="E34" s="32"/>
      <c r="F34" s="94">
        <v>210</v>
      </c>
      <c r="G34" s="91">
        <v>429</v>
      </c>
      <c r="H34" s="91">
        <v>206</v>
      </c>
      <c r="I34" s="105">
        <v>223</v>
      </c>
      <c r="J34" s="123">
        <v>48</v>
      </c>
      <c r="K34" s="94">
        <v>296</v>
      </c>
      <c r="L34" s="132">
        <v>85</v>
      </c>
      <c r="M34" s="351">
        <v>1660</v>
      </c>
      <c r="N34" s="96">
        <v>813</v>
      </c>
      <c r="O34" s="96">
        <v>690</v>
      </c>
      <c r="P34" s="106">
        <v>386.9</v>
      </c>
      <c r="T34" s="218"/>
      <c r="U34" s="218"/>
      <c r="V34" s="218"/>
    </row>
    <row r="35" spans="1:22" s="219" customFormat="1" ht="20.25" customHeight="1">
      <c r="B35" s="348"/>
      <c r="C35" s="373" t="s">
        <v>27</v>
      </c>
      <c r="D35" s="350"/>
      <c r="E35" s="32"/>
      <c r="F35" s="94">
        <v>451</v>
      </c>
      <c r="G35" s="91">
        <v>919</v>
      </c>
      <c r="H35" s="91">
        <v>409</v>
      </c>
      <c r="I35" s="105">
        <v>510</v>
      </c>
      <c r="J35" s="123">
        <v>96</v>
      </c>
      <c r="K35" s="94">
        <v>563</v>
      </c>
      <c r="L35" s="132">
        <v>260</v>
      </c>
      <c r="M35" s="351">
        <v>573</v>
      </c>
      <c r="N35" s="96">
        <v>161</v>
      </c>
      <c r="O35" s="277">
        <v>0</v>
      </c>
      <c r="P35" s="106">
        <v>62.4</v>
      </c>
      <c r="T35" s="218"/>
      <c r="U35" s="218"/>
      <c r="V35" s="218"/>
    </row>
    <row r="36" spans="1:22" s="219" customFormat="1" ht="20.25" customHeight="1">
      <c r="B36" s="348" t="s">
        <v>123</v>
      </c>
      <c r="C36" s="373" t="s">
        <v>28</v>
      </c>
      <c r="D36" s="350"/>
      <c r="E36" s="32"/>
      <c r="F36" s="94">
        <v>415</v>
      </c>
      <c r="G36" s="91">
        <v>1036</v>
      </c>
      <c r="H36" s="91">
        <v>462</v>
      </c>
      <c r="I36" s="105">
        <v>574</v>
      </c>
      <c r="J36" s="123">
        <v>144</v>
      </c>
      <c r="K36" s="94">
        <v>666</v>
      </c>
      <c r="L36" s="132">
        <v>226</v>
      </c>
      <c r="M36" s="351">
        <v>1310</v>
      </c>
      <c r="N36" s="96">
        <v>298</v>
      </c>
      <c r="O36" s="96">
        <v>604</v>
      </c>
      <c r="P36" s="106">
        <v>126.4</v>
      </c>
      <c r="T36" s="218"/>
      <c r="U36" s="218"/>
      <c r="V36" s="218"/>
    </row>
    <row r="37" spans="1:22" s="219" customFormat="1" ht="20.25" customHeight="1">
      <c r="B37" s="348"/>
      <c r="C37" s="373" t="s">
        <v>29</v>
      </c>
      <c r="D37" s="350"/>
      <c r="E37" s="32"/>
      <c r="F37" s="94">
        <v>747</v>
      </c>
      <c r="G37" s="91">
        <v>1731</v>
      </c>
      <c r="H37" s="91">
        <v>813</v>
      </c>
      <c r="I37" s="105">
        <v>918</v>
      </c>
      <c r="J37" s="123">
        <v>258</v>
      </c>
      <c r="K37" s="94">
        <v>1120</v>
      </c>
      <c r="L37" s="132">
        <v>353</v>
      </c>
      <c r="M37" s="351">
        <v>966</v>
      </c>
      <c r="N37" s="96">
        <v>275</v>
      </c>
      <c r="O37" s="277">
        <v>0</v>
      </c>
      <c r="P37" s="106">
        <v>55.8</v>
      </c>
      <c r="T37" s="218"/>
      <c r="U37" s="218"/>
      <c r="V37" s="218"/>
    </row>
    <row r="38" spans="1:22" s="219" customFormat="1" ht="20.25" customHeight="1">
      <c r="B38" s="348" t="s">
        <v>602</v>
      </c>
      <c r="C38" s="373" t="s">
        <v>26</v>
      </c>
      <c r="D38" s="350"/>
      <c r="E38" s="32"/>
      <c r="F38" s="94">
        <v>1367</v>
      </c>
      <c r="G38" s="91">
        <v>2438</v>
      </c>
      <c r="H38" s="91">
        <v>1121</v>
      </c>
      <c r="I38" s="105">
        <v>1317</v>
      </c>
      <c r="J38" s="123">
        <v>224</v>
      </c>
      <c r="K38" s="94">
        <v>1707</v>
      </c>
      <c r="L38" s="132">
        <v>507</v>
      </c>
      <c r="M38" s="351">
        <v>2173</v>
      </c>
      <c r="N38" s="96">
        <v>1165</v>
      </c>
      <c r="O38" s="277">
        <v>0</v>
      </c>
      <c r="P38" s="106">
        <v>89.1</v>
      </c>
      <c r="T38" s="218"/>
      <c r="U38" s="218"/>
      <c r="V38" s="218"/>
    </row>
    <row r="39" spans="1:22" s="219" customFormat="1" ht="20.25" customHeight="1">
      <c r="B39" s="348"/>
      <c r="C39" s="373" t="s">
        <v>27</v>
      </c>
      <c r="D39" s="350"/>
      <c r="E39" s="32"/>
      <c r="F39" s="94">
        <v>906</v>
      </c>
      <c r="G39" s="91">
        <v>1914</v>
      </c>
      <c r="H39" s="91">
        <v>879</v>
      </c>
      <c r="I39" s="105">
        <v>1035</v>
      </c>
      <c r="J39" s="123">
        <v>219</v>
      </c>
      <c r="K39" s="94">
        <v>1207</v>
      </c>
      <c r="L39" s="132">
        <v>486</v>
      </c>
      <c r="M39" s="351">
        <v>1868</v>
      </c>
      <c r="N39" s="96">
        <v>1011</v>
      </c>
      <c r="O39" s="277">
        <v>0</v>
      </c>
      <c r="P39" s="106">
        <v>97.7</v>
      </c>
      <c r="T39" s="218"/>
      <c r="U39" s="218"/>
      <c r="V39" s="218"/>
    </row>
    <row r="40" spans="1:22" s="219" customFormat="1" ht="21" customHeight="1">
      <c r="B40" s="348" t="s">
        <v>123</v>
      </c>
      <c r="C40" s="373" t="s">
        <v>28</v>
      </c>
      <c r="D40" s="350"/>
      <c r="E40" s="32"/>
      <c r="F40" s="94">
        <v>493</v>
      </c>
      <c r="G40" s="91">
        <v>1114</v>
      </c>
      <c r="H40" s="91">
        <v>485</v>
      </c>
      <c r="I40" s="105">
        <v>629</v>
      </c>
      <c r="J40" s="123">
        <v>99</v>
      </c>
      <c r="K40" s="94">
        <v>714</v>
      </c>
      <c r="L40" s="132">
        <v>301</v>
      </c>
      <c r="M40" s="351">
        <v>2897</v>
      </c>
      <c r="N40" s="96">
        <v>683</v>
      </c>
      <c r="O40" s="96">
        <v>1697</v>
      </c>
      <c r="P40" s="106">
        <v>260.10000000000002</v>
      </c>
      <c r="T40" s="218"/>
      <c r="U40" s="218"/>
      <c r="V40" s="218"/>
    </row>
    <row r="41" spans="1:22" s="219" customFormat="1" ht="20.25" customHeight="1">
      <c r="B41" s="348"/>
      <c r="C41" s="373" t="s">
        <v>29</v>
      </c>
      <c r="D41" s="350"/>
      <c r="E41" s="32"/>
      <c r="F41" s="94">
        <v>429</v>
      </c>
      <c r="G41" s="91">
        <v>1007</v>
      </c>
      <c r="H41" s="91">
        <v>471</v>
      </c>
      <c r="I41" s="105">
        <v>536</v>
      </c>
      <c r="J41" s="123">
        <v>97</v>
      </c>
      <c r="K41" s="94">
        <v>594</v>
      </c>
      <c r="L41" s="132">
        <v>316</v>
      </c>
      <c r="M41" s="351">
        <v>912</v>
      </c>
      <c r="N41" s="96">
        <v>489</v>
      </c>
      <c r="O41" s="277">
        <v>0</v>
      </c>
      <c r="P41" s="106">
        <v>90.6</v>
      </c>
      <c r="T41" s="218"/>
      <c r="U41" s="218"/>
      <c r="V41" s="218"/>
    </row>
    <row r="42" spans="1:22" s="219" customFormat="1" ht="20.25" customHeight="1">
      <c r="B42" s="348"/>
      <c r="C42" s="373" t="s">
        <v>30</v>
      </c>
      <c r="D42" s="350"/>
      <c r="E42" s="32"/>
      <c r="F42" s="94">
        <v>408</v>
      </c>
      <c r="G42" s="91">
        <v>813</v>
      </c>
      <c r="H42" s="91">
        <v>375</v>
      </c>
      <c r="I42" s="105">
        <v>438</v>
      </c>
      <c r="J42" s="123">
        <v>64</v>
      </c>
      <c r="K42" s="94">
        <v>493</v>
      </c>
      <c r="L42" s="132">
        <v>254</v>
      </c>
      <c r="M42" s="351">
        <v>948</v>
      </c>
      <c r="N42" s="96">
        <v>608</v>
      </c>
      <c r="O42" s="277">
        <v>0</v>
      </c>
      <c r="P42" s="106">
        <v>116.9</v>
      </c>
      <c r="T42" s="218"/>
      <c r="U42" s="218"/>
      <c r="V42" s="218"/>
    </row>
    <row r="43" spans="1:22" s="219" customFormat="1" ht="20.25" customHeight="1">
      <c r="A43" s="220"/>
      <c r="B43" s="352" t="s">
        <v>603</v>
      </c>
      <c r="C43" s="374" t="s">
        <v>26</v>
      </c>
      <c r="D43" s="354"/>
      <c r="E43" s="40"/>
      <c r="F43" s="118">
        <v>2668</v>
      </c>
      <c r="G43" s="115">
        <v>5817</v>
      </c>
      <c r="H43" s="115">
        <v>2731</v>
      </c>
      <c r="I43" s="114">
        <v>3086</v>
      </c>
      <c r="J43" s="127">
        <v>669</v>
      </c>
      <c r="K43" s="118">
        <v>3815</v>
      </c>
      <c r="L43" s="276">
        <v>1333</v>
      </c>
      <c r="M43" s="355">
        <v>5610</v>
      </c>
      <c r="N43" s="120">
        <v>2094</v>
      </c>
      <c r="O43" s="120">
        <v>1220</v>
      </c>
      <c r="P43" s="122">
        <v>96.4</v>
      </c>
      <c r="T43" s="218"/>
      <c r="U43" s="218"/>
      <c r="V43" s="218"/>
    </row>
    <row r="44" spans="1:22" s="219" customFormat="1" ht="20.25" customHeight="1">
      <c r="B44" s="348" t="s">
        <v>604</v>
      </c>
      <c r="C44" s="373" t="s">
        <v>27</v>
      </c>
      <c r="D44" s="350"/>
      <c r="E44" s="32"/>
      <c r="F44" s="91">
        <v>1514</v>
      </c>
      <c r="G44" s="91">
        <v>3063</v>
      </c>
      <c r="H44" s="91">
        <v>1291</v>
      </c>
      <c r="I44" s="105">
        <v>1772</v>
      </c>
      <c r="J44" s="123">
        <v>294</v>
      </c>
      <c r="K44" s="94">
        <v>1935</v>
      </c>
      <c r="L44" s="132">
        <v>666</v>
      </c>
      <c r="M44" s="351">
        <v>2919</v>
      </c>
      <c r="N44" s="96">
        <v>1275</v>
      </c>
      <c r="O44" s="96">
        <v>299</v>
      </c>
      <c r="P44" s="106">
        <v>100.8</v>
      </c>
      <c r="Q44" s="44"/>
    </row>
    <row r="45" spans="1:22" s="219" customFormat="1" ht="20.25" customHeight="1">
      <c r="B45" s="348"/>
      <c r="C45" s="373" t="s">
        <v>28</v>
      </c>
      <c r="D45" s="350"/>
      <c r="E45" s="32"/>
      <c r="F45" s="91">
        <v>1885</v>
      </c>
      <c r="G45" s="91">
        <v>4331</v>
      </c>
      <c r="H45" s="91">
        <v>2009</v>
      </c>
      <c r="I45" s="105">
        <v>2322</v>
      </c>
      <c r="J45" s="123">
        <v>452</v>
      </c>
      <c r="K45" s="94">
        <v>2531</v>
      </c>
      <c r="L45" s="132">
        <v>1068</v>
      </c>
      <c r="M45" s="351">
        <v>2894</v>
      </c>
      <c r="N45" s="96">
        <v>1128</v>
      </c>
      <c r="O45" s="277">
        <v>0</v>
      </c>
      <c r="P45" s="106">
        <v>71.400000000000006</v>
      </c>
      <c r="Q45" s="44"/>
    </row>
    <row r="46" spans="1:22" s="219" customFormat="1" ht="20.25" customHeight="1">
      <c r="B46" s="348"/>
      <c r="C46" s="373" t="s">
        <v>29</v>
      </c>
      <c r="D46" s="350"/>
      <c r="E46" s="32"/>
      <c r="F46" s="91">
        <v>849</v>
      </c>
      <c r="G46" s="91">
        <v>1917</v>
      </c>
      <c r="H46" s="91">
        <v>903</v>
      </c>
      <c r="I46" s="105">
        <v>1014</v>
      </c>
      <c r="J46" s="123">
        <v>239</v>
      </c>
      <c r="K46" s="94">
        <v>1186</v>
      </c>
      <c r="L46" s="132">
        <v>492</v>
      </c>
      <c r="M46" s="351">
        <v>1423</v>
      </c>
      <c r="N46" s="96">
        <v>538</v>
      </c>
      <c r="O46" s="277">
        <v>0</v>
      </c>
      <c r="P46" s="106">
        <v>74.2</v>
      </c>
      <c r="Q46" s="44"/>
    </row>
    <row r="47" spans="1:22" s="219" customFormat="1" ht="20.25" customHeight="1">
      <c r="B47" s="348" t="s">
        <v>123</v>
      </c>
      <c r="C47" s="373" t="s">
        <v>30</v>
      </c>
      <c r="D47" s="350"/>
      <c r="E47" s="32"/>
      <c r="F47" s="91">
        <v>1186</v>
      </c>
      <c r="G47" s="91">
        <v>2416</v>
      </c>
      <c r="H47" s="91">
        <v>1079</v>
      </c>
      <c r="I47" s="105">
        <v>1337</v>
      </c>
      <c r="J47" s="123">
        <v>345</v>
      </c>
      <c r="K47" s="94">
        <v>1553</v>
      </c>
      <c r="L47" s="132">
        <v>518</v>
      </c>
      <c r="M47" s="351">
        <v>2945</v>
      </c>
      <c r="N47" s="96">
        <v>1188</v>
      </c>
      <c r="O47" s="96">
        <v>631</v>
      </c>
      <c r="P47" s="106">
        <v>121.9</v>
      </c>
      <c r="Q47" s="44"/>
    </row>
    <row r="48" spans="1:22" s="219" customFormat="1" ht="20.25" customHeight="1">
      <c r="B48" s="348"/>
      <c r="C48" s="373" t="s">
        <v>31</v>
      </c>
      <c r="D48" s="350"/>
      <c r="E48" s="32"/>
      <c r="F48" s="91">
        <v>597</v>
      </c>
      <c r="G48" s="91">
        <v>1391</v>
      </c>
      <c r="H48" s="91">
        <v>633</v>
      </c>
      <c r="I48" s="105">
        <v>758</v>
      </c>
      <c r="J48" s="123">
        <v>192</v>
      </c>
      <c r="K48" s="94">
        <v>890</v>
      </c>
      <c r="L48" s="132">
        <v>308</v>
      </c>
      <c r="M48" s="351">
        <v>821</v>
      </c>
      <c r="N48" s="96">
        <v>220</v>
      </c>
      <c r="O48" s="277">
        <v>0</v>
      </c>
      <c r="P48" s="106">
        <v>59.1</v>
      </c>
      <c r="Q48" s="44"/>
    </row>
    <row r="49" spans="2:17" s="219" customFormat="1" ht="20.25" customHeight="1">
      <c r="B49" s="348"/>
      <c r="C49" s="373" t="s">
        <v>32</v>
      </c>
      <c r="D49" s="350"/>
      <c r="E49" s="32"/>
      <c r="F49" s="91">
        <v>674</v>
      </c>
      <c r="G49" s="91">
        <v>1384</v>
      </c>
      <c r="H49" s="91">
        <v>674</v>
      </c>
      <c r="I49" s="105">
        <v>710</v>
      </c>
      <c r="J49" s="123">
        <v>235</v>
      </c>
      <c r="K49" s="94">
        <v>942</v>
      </c>
      <c r="L49" s="132">
        <v>197</v>
      </c>
      <c r="M49" s="351">
        <v>1298</v>
      </c>
      <c r="N49" s="96">
        <v>725</v>
      </c>
      <c r="O49" s="277">
        <v>0</v>
      </c>
      <c r="P49" s="106">
        <v>94.5</v>
      </c>
      <c r="Q49" s="44"/>
    </row>
    <row r="50" spans="2:17" s="219" customFormat="1" ht="20.25" customHeight="1">
      <c r="B50" s="348" t="s">
        <v>605</v>
      </c>
      <c r="C50" s="373" t="s">
        <v>26</v>
      </c>
      <c r="D50" s="350"/>
      <c r="E50" s="32"/>
      <c r="F50" s="91">
        <v>674</v>
      </c>
      <c r="G50" s="91">
        <v>1491</v>
      </c>
      <c r="H50" s="91">
        <v>699</v>
      </c>
      <c r="I50" s="105">
        <v>792</v>
      </c>
      <c r="J50" s="123">
        <v>141</v>
      </c>
      <c r="K50" s="94">
        <v>968</v>
      </c>
      <c r="L50" s="132">
        <v>382</v>
      </c>
      <c r="M50" s="351">
        <v>972</v>
      </c>
      <c r="N50" s="96">
        <v>333</v>
      </c>
      <c r="O50" s="277">
        <v>0</v>
      </c>
      <c r="P50" s="106">
        <v>65.2</v>
      </c>
      <c r="Q50" s="44"/>
    </row>
    <row r="51" spans="2:17" s="219" customFormat="1" ht="20.25" customHeight="1">
      <c r="B51" s="348" t="s">
        <v>123</v>
      </c>
      <c r="C51" s="373" t="s">
        <v>27</v>
      </c>
      <c r="D51" s="350"/>
      <c r="E51" s="32"/>
      <c r="F51" s="91">
        <v>623</v>
      </c>
      <c r="G51" s="91">
        <v>1370</v>
      </c>
      <c r="H51" s="91">
        <v>622</v>
      </c>
      <c r="I51" s="105">
        <v>748</v>
      </c>
      <c r="J51" s="123">
        <v>100</v>
      </c>
      <c r="K51" s="94">
        <v>850</v>
      </c>
      <c r="L51" s="132">
        <v>331</v>
      </c>
      <c r="M51" s="351">
        <v>994</v>
      </c>
      <c r="N51" s="96">
        <v>429</v>
      </c>
      <c r="O51" s="277">
        <v>0</v>
      </c>
      <c r="P51" s="106">
        <v>77.599999999999994</v>
      </c>
      <c r="Q51" s="44"/>
    </row>
    <row r="52" spans="2:17" s="219" customFormat="1" ht="20.25" customHeight="1">
      <c r="B52" s="348"/>
      <c r="C52" s="373" t="s">
        <v>28</v>
      </c>
      <c r="D52" s="350"/>
      <c r="E52" s="32"/>
      <c r="F52" s="91">
        <v>546</v>
      </c>
      <c r="G52" s="91">
        <v>1261</v>
      </c>
      <c r="H52" s="91">
        <v>620</v>
      </c>
      <c r="I52" s="105">
        <v>641</v>
      </c>
      <c r="J52" s="123">
        <v>128</v>
      </c>
      <c r="K52" s="94">
        <v>760</v>
      </c>
      <c r="L52" s="132">
        <v>373</v>
      </c>
      <c r="M52" s="351">
        <v>1016</v>
      </c>
      <c r="N52" s="96">
        <v>479</v>
      </c>
      <c r="O52" s="277">
        <v>0</v>
      </c>
      <c r="P52" s="106">
        <v>80.599999999999994</v>
      </c>
      <c r="Q52" s="44"/>
    </row>
    <row r="53" spans="2:17" s="219" customFormat="1" ht="20.25" customHeight="1">
      <c r="B53" s="348"/>
      <c r="C53" s="373" t="s">
        <v>29</v>
      </c>
      <c r="D53" s="350"/>
      <c r="E53" s="32"/>
      <c r="F53" s="91">
        <v>966</v>
      </c>
      <c r="G53" s="91">
        <v>1750</v>
      </c>
      <c r="H53" s="91">
        <v>806</v>
      </c>
      <c r="I53" s="105">
        <v>944</v>
      </c>
      <c r="J53" s="123">
        <v>118</v>
      </c>
      <c r="K53" s="94">
        <v>937</v>
      </c>
      <c r="L53" s="132">
        <v>695</v>
      </c>
      <c r="M53" s="351">
        <v>1273</v>
      </c>
      <c r="N53" s="96">
        <v>203</v>
      </c>
      <c r="O53" s="277">
        <v>0</v>
      </c>
      <c r="P53" s="106">
        <v>72.7</v>
      </c>
      <c r="Q53" s="44"/>
    </row>
    <row r="54" spans="2:17" s="219" customFormat="1" ht="20.25" customHeight="1">
      <c r="B54" s="348" t="s">
        <v>606</v>
      </c>
      <c r="C54" s="373" t="s">
        <v>26</v>
      </c>
      <c r="D54" s="350"/>
      <c r="E54" s="32"/>
      <c r="F54" s="91">
        <v>449</v>
      </c>
      <c r="G54" s="91">
        <v>1144</v>
      </c>
      <c r="H54" s="91">
        <v>544</v>
      </c>
      <c r="I54" s="105">
        <v>600</v>
      </c>
      <c r="J54" s="123">
        <v>103</v>
      </c>
      <c r="K54" s="94">
        <v>733</v>
      </c>
      <c r="L54" s="132">
        <v>308</v>
      </c>
      <c r="M54" s="351">
        <v>552</v>
      </c>
      <c r="N54" s="96">
        <v>51</v>
      </c>
      <c r="O54" s="277">
        <v>0</v>
      </c>
      <c r="P54" s="106">
        <v>48.3</v>
      </c>
      <c r="Q54" s="44"/>
    </row>
    <row r="55" spans="2:17" s="219" customFormat="1" ht="20.25" customHeight="1">
      <c r="B55" s="348"/>
      <c r="C55" s="373" t="s">
        <v>27</v>
      </c>
      <c r="D55" s="350"/>
      <c r="E55" s="32"/>
      <c r="F55" s="91">
        <v>267</v>
      </c>
      <c r="G55" s="91">
        <v>703</v>
      </c>
      <c r="H55" s="91">
        <v>332</v>
      </c>
      <c r="I55" s="105">
        <v>371</v>
      </c>
      <c r="J55" s="123">
        <v>91</v>
      </c>
      <c r="K55" s="94">
        <v>456</v>
      </c>
      <c r="L55" s="132">
        <v>156</v>
      </c>
      <c r="M55" s="351">
        <v>3193</v>
      </c>
      <c r="N55" s="96">
        <v>374</v>
      </c>
      <c r="O55" s="96">
        <v>2528</v>
      </c>
      <c r="P55" s="106">
        <v>454.2</v>
      </c>
      <c r="Q55" s="44"/>
    </row>
    <row r="56" spans="2:17" s="219" customFormat="1" ht="20.25" customHeight="1">
      <c r="B56" s="348" t="s">
        <v>607</v>
      </c>
      <c r="C56" s="373" t="s">
        <v>26</v>
      </c>
      <c r="D56" s="350"/>
      <c r="E56" s="32"/>
      <c r="F56" s="91">
        <v>437</v>
      </c>
      <c r="G56" s="91">
        <v>1053</v>
      </c>
      <c r="H56" s="91">
        <v>430</v>
      </c>
      <c r="I56" s="105">
        <v>623</v>
      </c>
      <c r="J56" s="123">
        <v>100</v>
      </c>
      <c r="K56" s="94">
        <v>676</v>
      </c>
      <c r="L56" s="132">
        <v>277</v>
      </c>
      <c r="M56" s="351">
        <v>2007</v>
      </c>
      <c r="N56" s="96">
        <v>410</v>
      </c>
      <c r="O56" s="96">
        <v>1134</v>
      </c>
      <c r="P56" s="106">
        <v>190.6</v>
      </c>
      <c r="Q56" s="44"/>
    </row>
    <row r="57" spans="2:17" s="219" customFormat="1" ht="20.25" customHeight="1">
      <c r="B57" s="348"/>
      <c r="C57" s="373" t="s">
        <v>27</v>
      </c>
      <c r="D57" s="350"/>
      <c r="E57" s="32"/>
      <c r="F57" s="91">
        <v>382</v>
      </c>
      <c r="G57" s="91">
        <v>974</v>
      </c>
      <c r="H57" s="91">
        <v>456</v>
      </c>
      <c r="I57" s="105">
        <v>518</v>
      </c>
      <c r="J57" s="123">
        <v>127</v>
      </c>
      <c r="K57" s="94">
        <v>635</v>
      </c>
      <c r="L57" s="132">
        <v>212</v>
      </c>
      <c r="M57" s="351">
        <v>434</v>
      </c>
      <c r="N57" s="96">
        <v>42</v>
      </c>
      <c r="O57" s="277">
        <v>0</v>
      </c>
      <c r="P57" s="236">
        <v>44.6</v>
      </c>
      <c r="Q57" s="44"/>
    </row>
    <row r="58" spans="2:17" s="219" customFormat="1" ht="20.25" customHeight="1">
      <c r="B58" s="348" t="s">
        <v>608</v>
      </c>
      <c r="C58" s="373" t="s">
        <v>26</v>
      </c>
      <c r="D58" s="350"/>
      <c r="E58" s="32"/>
      <c r="F58" s="91">
        <v>365</v>
      </c>
      <c r="G58" s="91">
        <v>749</v>
      </c>
      <c r="H58" s="91">
        <v>347</v>
      </c>
      <c r="I58" s="105">
        <v>402</v>
      </c>
      <c r="J58" s="123">
        <v>62</v>
      </c>
      <c r="K58" s="94">
        <v>429</v>
      </c>
      <c r="L58" s="132">
        <v>258</v>
      </c>
      <c r="M58" s="351">
        <v>654</v>
      </c>
      <c r="N58" s="96">
        <v>289</v>
      </c>
      <c r="O58" s="277">
        <v>0</v>
      </c>
      <c r="P58" s="106">
        <v>87.3</v>
      </c>
      <c r="Q58" s="44"/>
    </row>
    <row r="59" spans="2:17" s="219" customFormat="1" ht="20.25" customHeight="1">
      <c r="B59" s="348"/>
      <c r="C59" s="373" t="s">
        <v>27</v>
      </c>
      <c r="D59" s="350"/>
      <c r="E59" s="32"/>
      <c r="F59" s="91">
        <v>468</v>
      </c>
      <c r="G59" s="91">
        <v>1098</v>
      </c>
      <c r="H59" s="91">
        <v>508</v>
      </c>
      <c r="I59" s="105">
        <v>590</v>
      </c>
      <c r="J59" s="123">
        <v>116</v>
      </c>
      <c r="K59" s="94">
        <v>709</v>
      </c>
      <c r="L59" s="132">
        <v>273</v>
      </c>
      <c r="M59" s="351">
        <v>535</v>
      </c>
      <c r="N59" s="96">
        <v>67</v>
      </c>
      <c r="O59" s="277">
        <v>0</v>
      </c>
      <c r="P59" s="106">
        <v>48.7</v>
      </c>
      <c r="Q59" s="44"/>
    </row>
    <row r="60" spans="2:17" s="219" customFormat="1" ht="20.25" customHeight="1">
      <c r="B60" s="348"/>
      <c r="C60" s="373" t="s">
        <v>28</v>
      </c>
      <c r="D60" s="350"/>
      <c r="E60" s="32"/>
      <c r="F60" s="91">
        <v>264</v>
      </c>
      <c r="G60" s="91">
        <v>584</v>
      </c>
      <c r="H60" s="91">
        <v>301</v>
      </c>
      <c r="I60" s="105">
        <v>283</v>
      </c>
      <c r="J60" s="123">
        <v>66</v>
      </c>
      <c r="K60" s="94">
        <v>367</v>
      </c>
      <c r="L60" s="132">
        <v>125</v>
      </c>
      <c r="M60" s="351">
        <v>830</v>
      </c>
      <c r="N60" s="96">
        <v>285</v>
      </c>
      <c r="O60" s="96">
        <v>285</v>
      </c>
      <c r="P60" s="106">
        <v>148.69999999999999</v>
      </c>
      <c r="Q60" s="44"/>
    </row>
    <row r="61" spans="2:17" s="219" customFormat="1" ht="20.25" customHeight="1">
      <c r="B61" s="348" t="s">
        <v>609</v>
      </c>
      <c r="C61" s="373"/>
      <c r="D61" s="350"/>
      <c r="E61" s="32"/>
      <c r="F61" s="91">
        <v>956</v>
      </c>
      <c r="G61" s="91">
        <v>2370</v>
      </c>
      <c r="H61" s="91">
        <v>1081</v>
      </c>
      <c r="I61" s="105">
        <v>1289</v>
      </c>
      <c r="J61" s="123">
        <v>363</v>
      </c>
      <c r="K61" s="94">
        <v>1501</v>
      </c>
      <c r="L61" s="132">
        <v>506</v>
      </c>
      <c r="M61" s="351">
        <v>1328</v>
      </c>
      <c r="N61" s="96">
        <v>405</v>
      </c>
      <c r="O61" s="277">
        <v>0</v>
      </c>
      <c r="P61" s="106">
        <v>56</v>
      </c>
      <c r="Q61" s="44"/>
    </row>
    <row r="62" spans="2:17" s="219" customFormat="1" ht="20.25" customHeight="1">
      <c r="B62" s="348" t="s">
        <v>610</v>
      </c>
      <c r="C62" s="373" t="s">
        <v>26</v>
      </c>
      <c r="D62" s="350"/>
      <c r="E62" s="32"/>
      <c r="F62" s="91">
        <v>497</v>
      </c>
      <c r="G62" s="91">
        <v>1080</v>
      </c>
      <c r="H62" s="91">
        <v>492</v>
      </c>
      <c r="I62" s="105">
        <v>588</v>
      </c>
      <c r="J62" s="123">
        <v>86</v>
      </c>
      <c r="K62" s="94">
        <v>743</v>
      </c>
      <c r="L62" s="132">
        <v>251</v>
      </c>
      <c r="M62" s="351">
        <v>695</v>
      </c>
      <c r="N62" s="96">
        <v>252</v>
      </c>
      <c r="O62" s="277">
        <v>0</v>
      </c>
      <c r="P62" s="106">
        <v>64.400000000000006</v>
      </c>
      <c r="Q62" s="44"/>
    </row>
    <row r="63" spans="2:17" s="219" customFormat="1" ht="20.25" customHeight="1">
      <c r="B63" s="348"/>
      <c r="C63" s="373" t="s">
        <v>27</v>
      </c>
      <c r="D63" s="350"/>
      <c r="E63" s="32"/>
      <c r="F63" s="91">
        <v>425</v>
      </c>
      <c r="G63" s="91">
        <v>816</v>
      </c>
      <c r="H63" s="91">
        <v>364</v>
      </c>
      <c r="I63" s="105">
        <v>452</v>
      </c>
      <c r="J63" s="123">
        <v>74</v>
      </c>
      <c r="K63" s="94">
        <v>543</v>
      </c>
      <c r="L63" s="132">
        <v>196</v>
      </c>
      <c r="M63" s="351">
        <v>641</v>
      </c>
      <c r="N63" s="96">
        <v>126</v>
      </c>
      <c r="O63" s="96">
        <v>177</v>
      </c>
      <c r="P63" s="106">
        <v>78.8</v>
      </c>
      <c r="Q63" s="44"/>
    </row>
    <row r="64" spans="2:17" s="219" customFormat="1" ht="21" customHeight="1">
      <c r="B64" s="348" t="s">
        <v>611</v>
      </c>
      <c r="C64" s="373"/>
      <c r="D64" s="350"/>
      <c r="E64" s="32"/>
      <c r="F64" s="91">
        <v>534</v>
      </c>
      <c r="G64" s="91">
        <v>1250</v>
      </c>
      <c r="H64" s="91">
        <v>589</v>
      </c>
      <c r="I64" s="105">
        <v>661</v>
      </c>
      <c r="J64" s="123">
        <v>137</v>
      </c>
      <c r="K64" s="94">
        <v>817</v>
      </c>
      <c r="L64" s="132">
        <v>296</v>
      </c>
      <c r="M64" s="351">
        <v>3911</v>
      </c>
      <c r="N64" s="96">
        <v>3126</v>
      </c>
      <c r="O64" s="96">
        <v>286</v>
      </c>
      <c r="P64" s="106">
        <v>312.89999999999998</v>
      </c>
      <c r="Q64" s="44"/>
    </row>
    <row r="65" spans="1:17" s="219" customFormat="1" ht="21" customHeight="1">
      <c r="B65" s="348" t="s">
        <v>612</v>
      </c>
      <c r="C65" s="373" t="s">
        <v>26</v>
      </c>
      <c r="D65" s="350"/>
      <c r="E65" s="32"/>
      <c r="F65" s="91">
        <v>963</v>
      </c>
      <c r="G65" s="91">
        <v>1724</v>
      </c>
      <c r="H65" s="91">
        <v>898</v>
      </c>
      <c r="I65" s="105">
        <v>826</v>
      </c>
      <c r="J65" s="123">
        <v>110</v>
      </c>
      <c r="K65" s="94">
        <v>1138</v>
      </c>
      <c r="L65" s="132">
        <v>465</v>
      </c>
      <c r="M65" s="351">
        <v>1412</v>
      </c>
      <c r="N65" s="96">
        <v>646</v>
      </c>
      <c r="O65" s="277">
        <v>0</v>
      </c>
      <c r="P65" s="106">
        <v>82.4</v>
      </c>
      <c r="Q65" s="44"/>
    </row>
    <row r="66" spans="1:17" s="219" customFormat="1" ht="21" customHeight="1">
      <c r="B66" s="348"/>
      <c r="C66" s="373" t="s">
        <v>27</v>
      </c>
      <c r="D66" s="350"/>
      <c r="E66" s="32"/>
      <c r="F66" s="91">
        <v>956</v>
      </c>
      <c r="G66" s="91">
        <v>1839</v>
      </c>
      <c r="H66" s="91">
        <v>968</v>
      </c>
      <c r="I66" s="105">
        <v>871</v>
      </c>
      <c r="J66" s="123">
        <v>231</v>
      </c>
      <c r="K66" s="94">
        <v>1265</v>
      </c>
      <c r="L66" s="132">
        <v>338</v>
      </c>
      <c r="M66" s="351">
        <v>1410</v>
      </c>
      <c r="N66" s="96">
        <v>487</v>
      </c>
      <c r="O66" s="277">
        <v>0</v>
      </c>
      <c r="P66" s="106">
        <v>76.900000000000006</v>
      </c>
      <c r="Q66" s="44"/>
    </row>
    <row r="67" spans="1:17" s="219" customFormat="1" ht="21" customHeight="1">
      <c r="B67" s="348" t="s">
        <v>613</v>
      </c>
      <c r="C67" s="373"/>
      <c r="D67" s="350"/>
      <c r="E67" s="32"/>
      <c r="F67" s="91">
        <v>712</v>
      </c>
      <c r="G67" s="91">
        <v>1900</v>
      </c>
      <c r="H67" s="91">
        <v>874</v>
      </c>
      <c r="I67" s="105">
        <v>1026</v>
      </c>
      <c r="J67" s="123">
        <v>260</v>
      </c>
      <c r="K67" s="94">
        <v>1232</v>
      </c>
      <c r="L67" s="132">
        <v>408</v>
      </c>
      <c r="M67" s="351">
        <v>1737</v>
      </c>
      <c r="N67" s="96">
        <v>218</v>
      </c>
      <c r="O67" s="96">
        <v>761</v>
      </c>
      <c r="P67" s="106">
        <v>91.4</v>
      </c>
      <c r="Q67" s="44"/>
    </row>
    <row r="68" spans="1:17" s="219" customFormat="1" ht="21" customHeight="1">
      <c r="B68" s="348" t="s">
        <v>614</v>
      </c>
      <c r="C68" s="373"/>
      <c r="D68" s="350"/>
      <c r="E68" s="32"/>
      <c r="F68" s="91">
        <v>531</v>
      </c>
      <c r="G68" s="91">
        <v>1456</v>
      </c>
      <c r="H68" s="91">
        <v>670</v>
      </c>
      <c r="I68" s="105">
        <v>786</v>
      </c>
      <c r="J68" s="123">
        <v>277</v>
      </c>
      <c r="K68" s="94">
        <v>926</v>
      </c>
      <c r="L68" s="132">
        <v>253</v>
      </c>
      <c r="M68" s="351">
        <v>596</v>
      </c>
      <c r="N68" s="96">
        <v>45</v>
      </c>
      <c r="O68" s="277">
        <v>0</v>
      </c>
      <c r="P68" s="236">
        <v>40.9</v>
      </c>
      <c r="Q68" s="44"/>
    </row>
    <row r="69" spans="1:17" s="219" customFormat="1" ht="20.25" customHeight="1">
      <c r="B69" s="348" t="s">
        <v>615</v>
      </c>
      <c r="C69" s="373" t="s">
        <v>26</v>
      </c>
      <c r="D69" s="350"/>
      <c r="E69" s="32"/>
      <c r="F69" s="91">
        <v>665</v>
      </c>
      <c r="G69" s="91">
        <v>1722</v>
      </c>
      <c r="H69" s="91">
        <v>790</v>
      </c>
      <c r="I69" s="105">
        <v>932</v>
      </c>
      <c r="J69" s="123">
        <v>251</v>
      </c>
      <c r="K69" s="94">
        <v>1095</v>
      </c>
      <c r="L69" s="132">
        <v>372</v>
      </c>
      <c r="M69" s="351">
        <v>774</v>
      </c>
      <c r="N69" s="96">
        <v>46</v>
      </c>
      <c r="O69" s="277">
        <v>0</v>
      </c>
      <c r="P69" s="106">
        <v>45.1</v>
      </c>
      <c r="Q69" s="44"/>
    </row>
    <row r="70" spans="1:17" s="219" customFormat="1" ht="20.25" customHeight="1">
      <c r="B70" s="348"/>
      <c r="C70" s="373" t="s">
        <v>27</v>
      </c>
      <c r="D70" s="350"/>
      <c r="E70" s="32"/>
      <c r="F70" s="91">
        <v>655</v>
      </c>
      <c r="G70" s="91">
        <v>1777</v>
      </c>
      <c r="H70" s="91">
        <v>851</v>
      </c>
      <c r="I70" s="105">
        <v>926</v>
      </c>
      <c r="J70" s="123">
        <v>335</v>
      </c>
      <c r="K70" s="94">
        <v>1140</v>
      </c>
      <c r="L70" s="132">
        <v>302</v>
      </c>
      <c r="M70" s="351">
        <v>803</v>
      </c>
      <c r="N70" s="96">
        <v>139</v>
      </c>
      <c r="O70" s="277">
        <v>0</v>
      </c>
      <c r="P70" s="106">
        <v>45.2</v>
      </c>
      <c r="Q70" s="44"/>
    </row>
    <row r="71" spans="1:17" s="219" customFormat="1" ht="20.25" customHeight="1">
      <c r="B71" s="348" t="s">
        <v>616</v>
      </c>
      <c r="C71" s="373" t="s">
        <v>26</v>
      </c>
      <c r="D71" s="350"/>
      <c r="E71" s="32"/>
      <c r="F71" s="91">
        <v>808</v>
      </c>
      <c r="G71" s="91">
        <v>2171</v>
      </c>
      <c r="H71" s="91">
        <v>1001</v>
      </c>
      <c r="I71" s="105">
        <v>1170</v>
      </c>
      <c r="J71" s="123">
        <v>405</v>
      </c>
      <c r="K71" s="94">
        <v>1317</v>
      </c>
      <c r="L71" s="132">
        <v>449</v>
      </c>
      <c r="M71" s="351">
        <v>1892</v>
      </c>
      <c r="N71" s="96">
        <v>307</v>
      </c>
      <c r="O71" s="96">
        <v>705</v>
      </c>
      <c r="P71" s="106">
        <v>87.1</v>
      </c>
      <c r="Q71" s="44"/>
    </row>
    <row r="72" spans="1:17" s="219" customFormat="1" ht="20.25" customHeight="1">
      <c r="B72" s="348"/>
      <c r="C72" s="373" t="s">
        <v>27</v>
      </c>
      <c r="D72" s="350"/>
      <c r="E72" s="32"/>
      <c r="F72" s="91">
        <v>419</v>
      </c>
      <c r="G72" s="91">
        <v>1195</v>
      </c>
      <c r="H72" s="91">
        <v>580</v>
      </c>
      <c r="I72" s="105">
        <v>615</v>
      </c>
      <c r="J72" s="123">
        <v>246</v>
      </c>
      <c r="K72" s="94">
        <v>719</v>
      </c>
      <c r="L72" s="132">
        <v>230</v>
      </c>
      <c r="M72" s="351">
        <v>1529</v>
      </c>
      <c r="N72" s="96">
        <v>202</v>
      </c>
      <c r="O72" s="96">
        <v>814</v>
      </c>
      <c r="P72" s="106">
        <v>127.9</v>
      </c>
      <c r="Q72" s="44"/>
    </row>
    <row r="73" spans="1:17" s="219" customFormat="1" ht="20.25" customHeight="1">
      <c r="B73" s="348"/>
      <c r="C73" s="373" t="s">
        <v>28</v>
      </c>
      <c r="D73" s="350"/>
      <c r="E73" s="32"/>
      <c r="F73" s="91">
        <v>955</v>
      </c>
      <c r="G73" s="91">
        <v>2527</v>
      </c>
      <c r="H73" s="91">
        <v>1172</v>
      </c>
      <c r="I73" s="105">
        <v>1355</v>
      </c>
      <c r="J73" s="123">
        <v>426</v>
      </c>
      <c r="K73" s="94">
        <v>1584</v>
      </c>
      <c r="L73" s="132">
        <v>517</v>
      </c>
      <c r="M73" s="351">
        <v>1125</v>
      </c>
      <c r="N73" s="96">
        <v>54</v>
      </c>
      <c r="O73" s="277">
        <v>0</v>
      </c>
      <c r="P73" s="106">
        <v>44.5</v>
      </c>
      <c r="Q73" s="44"/>
    </row>
    <row r="74" spans="1:17" s="219" customFormat="1" ht="20.25" customHeight="1">
      <c r="B74" s="348" t="s">
        <v>617</v>
      </c>
      <c r="C74" s="373" t="s">
        <v>26</v>
      </c>
      <c r="D74" s="350"/>
      <c r="E74" s="32"/>
      <c r="F74" s="91">
        <v>1004</v>
      </c>
      <c r="G74" s="91">
        <v>2556</v>
      </c>
      <c r="H74" s="91">
        <v>1117</v>
      </c>
      <c r="I74" s="105">
        <v>1439</v>
      </c>
      <c r="J74" s="123">
        <v>320</v>
      </c>
      <c r="K74" s="94">
        <v>1589</v>
      </c>
      <c r="L74" s="132">
        <v>644</v>
      </c>
      <c r="M74" s="351">
        <v>2259</v>
      </c>
      <c r="N74" s="96">
        <v>652</v>
      </c>
      <c r="O74" s="96">
        <v>466</v>
      </c>
      <c r="P74" s="106">
        <v>88.5</v>
      </c>
      <c r="Q74" s="44"/>
    </row>
    <row r="75" spans="1:17" s="219" customFormat="1" ht="20.25" customHeight="1">
      <c r="B75" s="348" t="s">
        <v>618</v>
      </c>
      <c r="C75" s="373" t="s">
        <v>26</v>
      </c>
      <c r="D75" s="350"/>
      <c r="E75" s="32"/>
      <c r="F75" s="91">
        <v>209</v>
      </c>
      <c r="G75" s="91">
        <v>573</v>
      </c>
      <c r="H75" s="91">
        <v>255</v>
      </c>
      <c r="I75" s="105">
        <v>318</v>
      </c>
      <c r="J75" s="123">
        <v>92</v>
      </c>
      <c r="K75" s="94">
        <v>369</v>
      </c>
      <c r="L75" s="132">
        <v>109</v>
      </c>
      <c r="M75" s="351">
        <v>481</v>
      </c>
      <c r="N75" s="96">
        <v>238</v>
      </c>
      <c r="O75" s="277">
        <v>0</v>
      </c>
      <c r="P75" s="106">
        <v>84.4</v>
      </c>
      <c r="Q75" s="44"/>
    </row>
    <row r="76" spans="1:17" s="219" customFormat="1" ht="20.25" customHeight="1">
      <c r="B76" s="348" t="s">
        <v>619</v>
      </c>
      <c r="C76" s="373" t="s">
        <v>26</v>
      </c>
      <c r="D76" s="350"/>
      <c r="E76" s="32"/>
      <c r="F76" s="91">
        <v>1047</v>
      </c>
      <c r="G76" s="91">
        <v>2538</v>
      </c>
      <c r="H76" s="91">
        <v>1139</v>
      </c>
      <c r="I76" s="105">
        <v>1399</v>
      </c>
      <c r="J76" s="123">
        <v>381</v>
      </c>
      <c r="K76" s="94">
        <v>1598</v>
      </c>
      <c r="L76" s="132">
        <v>557</v>
      </c>
      <c r="M76" s="351">
        <v>1799</v>
      </c>
      <c r="N76" s="96">
        <v>766</v>
      </c>
      <c r="O76" s="277">
        <v>0</v>
      </c>
      <c r="P76" s="106">
        <v>70.900000000000006</v>
      </c>
      <c r="Q76" s="44"/>
    </row>
    <row r="77" spans="1:17" s="219" customFormat="1" ht="20.25" customHeight="1">
      <c r="B77" s="348"/>
      <c r="C77" s="373" t="s">
        <v>27</v>
      </c>
      <c r="D77" s="350"/>
      <c r="E77" s="32"/>
      <c r="F77" s="91">
        <v>402</v>
      </c>
      <c r="G77" s="91">
        <v>972</v>
      </c>
      <c r="H77" s="91">
        <v>446</v>
      </c>
      <c r="I77" s="105">
        <v>526</v>
      </c>
      <c r="J77" s="123">
        <v>130</v>
      </c>
      <c r="K77" s="94">
        <v>602</v>
      </c>
      <c r="L77" s="132">
        <v>237</v>
      </c>
      <c r="M77" s="351">
        <v>566</v>
      </c>
      <c r="N77" s="96">
        <v>154</v>
      </c>
      <c r="O77" s="277">
        <v>0</v>
      </c>
      <c r="P77" s="106">
        <v>58.4</v>
      </c>
      <c r="Q77" s="44"/>
    </row>
    <row r="78" spans="1:17" s="219" customFormat="1" ht="17.25" customHeight="1">
      <c r="B78" s="357"/>
      <c r="C78" s="373" t="s">
        <v>28</v>
      </c>
      <c r="D78" s="358"/>
      <c r="E78" s="32"/>
      <c r="F78" s="91">
        <v>816</v>
      </c>
      <c r="G78" s="91">
        <v>1885</v>
      </c>
      <c r="H78" s="91">
        <v>883</v>
      </c>
      <c r="I78" s="105">
        <v>1002</v>
      </c>
      <c r="J78" s="123">
        <v>286</v>
      </c>
      <c r="K78" s="94">
        <v>1200</v>
      </c>
      <c r="L78" s="132">
        <v>399</v>
      </c>
      <c r="M78" s="351">
        <v>914</v>
      </c>
      <c r="N78" s="96">
        <v>107</v>
      </c>
      <c r="O78" s="277">
        <v>0</v>
      </c>
      <c r="P78" s="106">
        <v>48.5</v>
      </c>
      <c r="Q78" s="44"/>
    </row>
    <row r="79" spans="1:17" s="140" customFormat="1" ht="3.75" customHeight="1">
      <c r="A79" s="141"/>
      <c r="B79" s="359"/>
      <c r="C79" s="377"/>
      <c r="D79" s="168"/>
      <c r="E79" s="360"/>
      <c r="F79" s="171"/>
      <c r="G79" s="170"/>
      <c r="H79" s="171"/>
      <c r="I79" s="170"/>
      <c r="J79" s="171"/>
      <c r="K79" s="170"/>
      <c r="L79" s="361"/>
      <c r="M79" s="362"/>
      <c r="N79" s="376"/>
      <c r="O79" s="175"/>
      <c r="P79" s="176"/>
    </row>
    <row r="80" spans="1:17">
      <c r="E80" s="221"/>
      <c r="F80" s="221"/>
      <c r="G80" s="221"/>
      <c r="H80" s="221"/>
      <c r="I80" s="221"/>
      <c r="J80" s="221"/>
      <c r="K80" s="221"/>
      <c r="L80" s="221"/>
      <c r="M80" s="149"/>
      <c r="N80" s="149"/>
      <c r="O80" s="149"/>
      <c r="P80" s="221"/>
    </row>
    <row r="81" spans="5:16">
      <c r="E81" s="221"/>
      <c r="F81" s="221"/>
      <c r="G81" s="221"/>
      <c r="H81" s="221"/>
      <c r="I81" s="221"/>
      <c r="J81" s="221"/>
      <c r="K81" s="221"/>
      <c r="L81" s="221"/>
      <c r="M81" s="149"/>
      <c r="N81" s="149"/>
      <c r="O81" s="149"/>
      <c r="P81" s="221"/>
    </row>
    <row r="82" spans="5:16">
      <c r="E82" s="221"/>
      <c r="F82" s="221"/>
      <c r="G82" s="221"/>
      <c r="H82" s="221"/>
      <c r="I82" s="221"/>
      <c r="J82" s="221"/>
      <c r="K82" s="221"/>
      <c r="L82" s="221"/>
      <c r="M82" s="149"/>
      <c r="N82" s="149"/>
      <c r="O82" s="149"/>
      <c r="P82" s="221"/>
    </row>
    <row r="83" spans="5:16">
      <c r="E83" s="221"/>
      <c r="F83" s="221"/>
      <c r="G83" s="221"/>
      <c r="H83" s="221"/>
      <c r="I83" s="221"/>
      <c r="J83" s="221"/>
      <c r="K83" s="221"/>
      <c r="L83" s="221"/>
      <c r="M83" s="149"/>
      <c r="N83" s="149"/>
      <c r="O83" s="149"/>
      <c r="P83" s="221"/>
    </row>
    <row r="84" spans="5:16">
      <c r="E84" s="221"/>
      <c r="F84" s="221"/>
      <c r="G84" s="221"/>
      <c r="H84" s="221"/>
      <c r="I84" s="221"/>
      <c r="J84" s="221"/>
      <c r="K84" s="221"/>
      <c r="L84" s="221"/>
      <c r="M84" s="149"/>
      <c r="N84" s="149"/>
      <c r="O84" s="149"/>
      <c r="P84" s="221"/>
    </row>
    <row r="85" spans="5:16">
      <c r="E85" s="221"/>
      <c r="F85" s="221"/>
      <c r="G85" s="221"/>
      <c r="H85" s="221"/>
      <c r="I85" s="221"/>
      <c r="J85" s="221"/>
      <c r="K85" s="221"/>
      <c r="L85" s="221"/>
      <c r="M85" s="149"/>
      <c r="N85" s="149"/>
      <c r="O85" s="149"/>
      <c r="P85" s="221"/>
    </row>
    <row r="86" spans="5:16">
      <c r="E86" s="221"/>
      <c r="F86" s="221"/>
      <c r="G86" s="221"/>
      <c r="H86" s="221"/>
      <c r="I86" s="221"/>
      <c r="J86" s="221"/>
      <c r="K86" s="221"/>
      <c r="L86" s="221"/>
      <c r="M86" s="149"/>
      <c r="N86" s="149"/>
      <c r="O86" s="149"/>
      <c r="P86" s="221"/>
    </row>
    <row r="87" spans="5:16">
      <c r="E87" s="221"/>
      <c r="F87" s="221"/>
      <c r="G87" s="221"/>
      <c r="H87" s="221"/>
      <c r="I87" s="221"/>
      <c r="J87" s="221"/>
      <c r="K87" s="221"/>
      <c r="L87" s="221"/>
      <c r="M87" s="149"/>
      <c r="N87" s="149"/>
      <c r="O87" s="149"/>
      <c r="P87" s="221"/>
    </row>
    <row r="88" spans="5:16">
      <c r="E88" s="221"/>
      <c r="F88" s="221"/>
      <c r="G88" s="221"/>
      <c r="H88" s="221"/>
      <c r="I88" s="221"/>
      <c r="J88" s="221"/>
      <c r="K88" s="221"/>
      <c r="L88" s="221"/>
      <c r="M88" s="149"/>
      <c r="N88" s="149"/>
      <c r="O88" s="149"/>
      <c r="P88" s="221"/>
    </row>
    <row r="89" spans="5:16">
      <c r="E89" s="221"/>
      <c r="F89" s="221"/>
      <c r="G89" s="221"/>
      <c r="H89" s="221"/>
      <c r="I89" s="221"/>
      <c r="J89" s="221"/>
      <c r="K89" s="221"/>
      <c r="L89" s="221"/>
      <c r="M89" s="149"/>
      <c r="N89" s="149"/>
      <c r="O89" s="149"/>
      <c r="P89" s="221"/>
    </row>
    <row r="90" spans="5:16">
      <c r="E90" s="221"/>
      <c r="F90" s="221"/>
      <c r="G90" s="221"/>
      <c r="H90" s="221"/>
      <c r="I90" s="221"/>
      <c r="J90" s="221"/>
      <c r="K90" s="221"/>
      <c r="L90" s="221"/>
      <c r="M90" s="149"/>
      <c r="N90" s="149"/>
      <c r="O90" s="149"/>
      <c r="P90" s="221"/>
    </row>
    <row r="91" spans="5:16">
      <c r="E91" s="221"/>
      <c r="F91" s="221"/>
      <c r="G91" s="221"/>
      <c r="H91" s="221"/>
      <c r="I91" s="221"/>
      <c r="J91" s="221"/>
      <c r="K91" s="221"/>
      <c r="L91" s="221"/>
      <c r="M91" s="149"/>
      <c r="N91" s="149"/>
      <c r="O91" s="149"/>
      <c r="P91" s="221"/>
    </row>
    <row r="92" spans="5:16">
      <c r="E92" s="221"/>
      <c r="F92" s="221"/>
      <c r="G92" s="221"/>
      <c r="H92" s="221"/>
      <c r="I92" s="221"/>
      <c r="J92" s="221"/>
      <c r="K92" s="221"/>
      <c r="L92" s="221"/>
      <c r="M92" s="149"/>
      <c r="N92" s="149"/>
      <c r="O92" s="149"/>
      <c r="P92" s="221"/>
    </row>
    <row r="93" spans="5:16">
      <c r="E93" s="221"/>
      <c r="F93" s="221"/>
      <c r="G93" s="221"/>
      <c r="H93" s="221"/>
      <c r="I93" s="221"/>
      <c r="J93" s="221"/>
      <c r="K93" s="221"/>
      <c r="L93" s="221"/>
      <c r="M93" s="149"/>
      <c r="N93" s="149"/>
      <c r="O93" s="149"/>
      <c r="P93" s="221"/>
    </row>
    <row r="94" spans="5:16">
      <c r="E94" s="221"/>
      <c r="F94" s="221"/>
      <c r="G94" s="221"/>
      <c r="H94" s="221"/>
      <c r="I94" s="221"/>
      <c r="J94" s="221"/>
      <c r="K94" s="221"/>
      <c r="L94" s="221"/>
      <c r="M94" s="149"/>
      <c r="N94" s="149"/>
      <c r="O94" s="149"/>
      <c r="P94" s="221"/>
    </row>
    <row r="95" spans="5:16">
      <c r="E95" s="221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5:16">
      <c r="E96" s="221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21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2" fitToHeight="0" orientation="portrait" r:id="rId1"/>
  <headerFooter alignWithMargins="0"/>
  <rowBreaks count="1" manualBreakCount="1">
    <brk id="43" max="1638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150"/>
  <sheetViews>
    <sheetView zoomScaleNormal="100" zoomScaleSheetLayoutView="100" workbookViewId="0">
      <pane ySplit="8" topLeftCell="A9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5" width="9.83203125" style="45" customWidth="1"/>
    <col min="16" max="16" width="10.83203125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7" t="s">
        <v>620</v>
      </c>
    </row>
    <row r="6" spans="1:16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16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16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16" s="219" customFormat="1" ht="20.25" customHeight="1">
      <c r="B9" s="455" t="s">
        <v>92</v>
      </c>
      <c r="C9" s="455"/>
      <c r="D9" s="345"/>
      <c r="E9" s="28"/>
      <c r="F9" s="152">
        <v>54906</v>
      </c>
      <c r="G9" s="152">
        <v>130627</v>
      </c>
      <c r="H9" s="152">
        <v>62873</v>
      </c>
      <c r="I9" s="81">
        <v>67754</v>
      </c>
      <c r="J9" s="346">
        <v>17234</v>
      </c>
      <c r="K9" s="83">
        <v>88716</v>
      </c>
      <c r="L9" s="287">
        <v>24470</v>
      </c>
      <c r="M9" s="347">
        <v>140556</v>
      </c>
      <c r="N9" s="85">
        <v>71836</v>
      </c>
      <c r="O9" s="85">
        <v>13346</v>
      </c>
      <c r="P9" s="86">
        <v>107.8</v>
      </c>
    </row>
    <row r="10" spans="1:16" s="219" customFormat="1" ht="6.75" customHeight="1">
      <c r="B10" s="348"/>
      <c r="C10" s="373"/>
      <c r="D10" s="350"/>
      <c r="E10" s="32"/>
      <c r="F10" s="91"/>
      <c r="G10" s="91"/>
      <c r="H10" s="91"/>
      <c r="I10" s="105"/>
      <c r="J10" s="123"/>
      <c r="K10" s="94"/>
      <c r="L10" s="132"/>
      <c r="M10" s="351"/>
      <c r="N10" s="96"/>
      <c r="O10" s="96"/>
      <c r="P10" s="106"/>
    </row>
    <row r="11" spans="1:16" s="219" customFormat="1" ht="21.75" customHeight="1">
      <c r="B11" s="348" t="s">
        <v>621</v>
      </c>
      <c r="C11" s="373" t="s">
        <v>26</v>
      </c>
      <c r="D11" s="350"/>
      <c r="E11" s="32"/>
      <c r="F11" s="91">
        <v>1307</v>
      </c>
      <c r="G11" s="91">
        <v>2853</v>
      </c>
      <c r="H11" s="91">
        <v>1324</v>
      </c>
      <c r="I11" s="105">
        <v>1529</v>
      </c>
      <c r="J11" s="123">
        <v>271</v>
      </c>
      <c r="K11" s="94">
        <v>1803</v>
      </c>
      <c r="L11" s="132">
        <v>779</v>
      </c>
      <c r="M11" s="351">
        <v>2170</v>
      </c>
      <c r="N11" s="96">
        <v>677</v>
      </c>
      <c r="O11" s="96">
        <v>199</v>
      </c>
      <c r="P11" s="106">
        <v>76.099999999999994</v>
      </c>
    </row>
    <row r="12" spans="1:16" s="219" customFormat="1" ht="21.75" customHeight="1">
      <c r="B12" s="348"/>
      <c r="C12" s="373" t="s">
        <v>27</v>
      </c>
      <c r="D12" s="350"/>
      <c r="E12" s="32"/>
      <c r="F12" s="91">
        <v>660</v>
      </c>
      <c r="G12" s="91">
        <v>1499</v>
      </c>
      <c r="H12" s="91">
        <v>702</v>
      </c>
      <c r="I12" s="105">
        <v>797</v>
      </c>
      <c r="J12" s="123">
        <v>168</v>
      </c>
      <c r="K12" s="94">
        <v>986</v>
      </c>
      <c r="L12" s="132">
        <v>345</v>
      </c>
      <c r="M12" s="351">
        <v>1917</v>
      </c>
      <c r="N12" s="96">
        <v>826</v>
      </c>
      <c r="O12" s="96">
        <v>505</v>
      </c>
      <c r="P12" s="106">
        <v>127.9</v>
      </c>
    </row>
    <row r="13" spans="1:16" s="219" customFormat="1" ht="21.75" customHeight="1">
      <c r="B13" s="348"/>
      <c r="C13" s="373" t="s">
        <v>28</v>
      </c>
      <c r="D13" s="350"/>
      <c r="E13" s="32"/>
      <c r="F13" s="91">
        <v>882</v>
      </c>
      <c r="G13" s="91">
        <v>2041</v>
      </c>
      <c r="H13" s="91">
        <v>930</v>
      </c>
      <c r="I13" s="105">
        <v>1111</v>
      </c>
      <c r="J13" s="123">
        <v>323</v>
      </c>
      <c r="K13" s="94">
        <v>1254</v>
      </c>
      <c r="L13" s="132">
        <v>461</v>
      </c>
      <c r="M13" s="351">
        <v>1639</v>
      </c>
      <c r="N13" s="96">
        <v>791</v>
      </c>
      <c r="O13" s="277">
        <v>0</v>
      </c>
      <c r="P13" s="106">
        <v>80.400000000000006</v>
      </c>
    </row>
    <row r="14" spans="1:16" s="219" customFormat="1" ht="21.75" customHeight="1">
      <c r="B14" s="348" t="s">
        <v>622</v>
      </c>
      <c r="C14" s="373" t="s">
        <v>26</v>
      </c>
      <c r="D14" s="350"/>
      <c r="E14" s="32"/>
      <c r="F14" s="91">
        <v>874</v>
      </c>
      <c r="G14" s="91">
        <v>1956</v>
      </c>
      <c r="H14" s="91">
        <v>900</v>
      </c>
      <c r="I14" s="105">
        <v>1056</v>
      </c>
      <c r="J14" s="123">
        <v>246</v>
      </c>
      <c r="K14" s="94">
        <v>1325</v>
      </c>
      <c r="L14" s="132">
        <v>385</v>
      </c>
      <c r="M14" s="351">
        <v>2298</v>
      </c>
      <c r="N14" s="96">
        <v>1217</v>
      </c>
      <c r="O14" s="96">
        <v>303</v>
      </c>
      <c r="P14" s="106">
        <v>117.5</v>
      </c>
    </row>
    <row r="15" spans="1:16" s="219" customFormat="1" ht="21.75" customHeight="1">
      <c r="B15" s="348"/>
      <c r="C15" s="373" t="s">
        <v>27</v>
      </c>
      <c r="D15" s="350"/>
      <c r="E15" s="32"/>
      <c r="F15" s="91">
        <v>698</v>
      </c>
      <c r="G15" s="91">
        <v>1817</v>
      </c>
      <c r="H15" s="91">
        <v>863</v>
      </c>
      <c r="I15" s="105">
        <v>954</v>
      </c>
      <c r="J15" s="123">
        <v>254</v>
      </c>
      <c r="K15" s="94">
        <v>1127</v>
      </c>
      <c r="L15" s="132">
        <v>436</v>
      </c>
      <c r="M15" s="351">
        <v>1041</v>
      </c>
      <c r="N15" s="96">
        <v>297</v>
      </c>
      <c r="O15" s="277">
        <v>0</v>
      </c>
      <c r="P15" s="106">
        <v>57.3</v>
      </c>
    </row>
    <row r="16" spans="1:16" s="219" customFormat="1" ht="21.75" customHeight="1">
      <c r="B16" s="348"/>
      <c r="C16" s="373" t="s">
        <v>28</v>
      </c>
      <c r="D16" s="350"/>
      <c r="E16" s="32"/>
      <c r="F16" s="91">
        <v>1652</v>
      </c>
      <c r="G16" s="91">
        <v>3205</v>
      </c>
      <c r="H16" s="91">
        <v>1440</v>
      </c>
      <c r="I16" s="105">
        <v>1765</v>
      </c>
      <c r="J16" s="123">
        <v>307</v>
      </c>
      <c r="K16" s="94">
        <v>2048</v>
      </c>
      <c r="L16" s="132">
        <v>850</v>
      </c>
      <c r="M16" s="351">
        <v>1739</v>
      </c>
      <c r="N16" s="96">
        <v>262</v>
      </c>
      <c r="O16" s="277">
        <v>0</v>
      </c>
      <c r="P16" s="106">
        <v>54.3</v>
      </c>
    </row>
    <row r="17" spans="2:16" s="219" customFormat="1" ht="21.75" customHeight="1">
      <c r="B17" s="348" t="s">
        <v>623</v>
      </c>
      <c r="C17" s="373" t="s">
        <v>26</v>
      </c>
      <c r="D17" s="350"/>
      <c r="E17" s="32"/>
      <c r="F17" s="91">
        <v>698</v>
      </c>
      <c r="G17" s="91">
        <v>1464</v>
      </c>
      <c r="H17" s="91">
        <v>747</v>
      </c>
      <c r="I17" s="105">
        <v>717</v>
      </c>
      <c r="J17" s="123">
        <v>133</v>
      </c>
      <c r="K17" s="94">
        <v>910</v>
      </c>
      <c r="L17" s="132">
        <v>366</v>
      </c>
      <c r="M17" s="351">
        <v>997</v>
      </c>
      <c r="N17" s="96">
        <v>352</v>
      </c>
      <c r="O17" s="277">
        <v>0</v>
      </c>
      <c r="P17" s="106">
        <v>70.8</v>
      </c>
    </row>
    <row r="18" spans="2:16" s="219" customFormat="1" ht="21.75" customHeight="1">
      <c r="B18" s="348"/>
      <c r="C18" s="373" t="s">
        <v>27</v>
      </c>
      <c r="D18" s="350"/>
      <c r="E18" s="32"/>
      <c r="F18" s="91">
        <v>489</v>
      </c>
      <c r="G18" s="91">
        <v>979</v>
      </c>
      <c r="H18" s="91">
        <v>449</v>
      </c>
      <c r="I18" s="105">
        <v>530</v>
      </c>
      <c r="J18" s="123">
        <v>97</v>
      </c>
      <c r="K18" s="94">
        <v>639</v>
      </c>
      <c r="L18" s="132">
        <v>243</v>
      </c>
      <c r="M18" s="351">
        <v>601</v>
      </c>
      <c r="N18" s="96">
        <v>158</v>
      </c>
      <c r="O18" s="277">
        <v>0</v>
      </c>
      <c r="P18" s="106">
        <v>61.4</v>
      </c>
    </row>
    <row r="19" spans="2:16" s="219" customFormat="1" ht="21.75" customHeight="1">
      <c r="B19" s="348"/>
      <c r="C19" s="373" t="s">
        <v>28</v>
      </c>
      <c r="D19" s="350"/>
      <c r="E19" s="32"/>
      <c r="F19" s="91">
        <v>316</v>
      </c>
      <c r="G19" s="91">
        <v>736</v>
      </c>
      <c r="H19" s="91">
        <v>359</v>
      </c>
      <c r="I19" s="105">
        <v>377</v>
      </c>
      <c r="J19" s="123">
        <v>82</v>
      </c>
      <c r="K19" s="94">
        <v>455</v>
      </c>
      <c r="L19" s="132">
        <v>199</v>
      </c>
      <c r="M19" s="351">
        <v>780</v>
      </c>
      <c r="N19" s="96">
        <v>437</v>
      </c>
      <c r="O19" s="277">
        <v>0</v>
      </c>
      <c r="P19" s="106">
        <v>106</v>
      </c>
    </row>
    <row r="20" spans="2:16" s="219" customFormat="1" ht="21.75" customHeight="1">
      <c r="B20" s="348"/>
      <c r="C20" s="373" t="s">
        <v>29</v>
      </c>
      <c r="D20" s="350"/>
      <c r="E20" s="32"/>
      <c r="F20" s="91">
        <v>590</v>
      </c>
      <c r="G20" s="91">
        <v>1336</v>
      </c>
      <c r="H20" s="91">
        <v>642</v>
      </c>
      <c r="I20" s="105">
        <v>694</v>
      </c>
      <c r="J20" s="123">
        <v>150</v>
      </c>
      <c r="K20" s="94">
        <v>840</v>
      </c>
      <c r="L20" s="132">
        <v>345</v>
      </c>
      <c r="M20" s="351">
        <v>914</v>
      </c>
      <c r="N20" s="96">
        <v>266</v>
      </c>
      <c r="O20" s="277">
        <v>0</v>
      </c>
      <c r="P20" s="106">
        <v>68.5</v>
      </c>
    </row>
    <row r="21" spans="2:16" s="219" customFormat="1" ht="21.75" customHeight="1">
      <c r="B21" s="348" t="s">
        <v>624</v>
      </c>
      <c r="C21" s="373" t="s">
        <v>26</v>
      </c>
      <c r="D21" s="350"/>
      <c r="E21" s="32"/>
      <c r="F21" s="91">
        <v>24</v>
      </c>
      <c r="G21" s="91">
        <v>63</v>
      </c>
      <c r="H21" s="91">
        <v>29</v>
      </c>
      <c r="I21" s="105">
        <v>34</v>
      </c>
      <c r="J21" s="123">
        <v>4</v>
      </c>
      <c r="K21" s="94">
        <v>41</v>
      </c>
      <c r="L21" s="132">
        <v>18</v>
      </c>
      <c r="M21" s="351">
        <v>32</v>
      </c>
      <c r="N21" s="103">
        <v>5</v>
      </c>
      <c r="O21" s="277">
        <v>0</v>
      </c>
      <c r="P21" s="236">
        <v>50.8</v>
      </c>
    </row>
    <row r="22" spans="2:16" s="219" customFormat="1" ht="21.75" customHeight="1">
      <c r="B22" s="348"/>
      <c r="C22" s="373" t="s">
        <v>27</v>
      </c>
      <c r="D22" s="350"/>
      <c r="E22" s="32"/>
      <c r="F22" s="91">
        <v>594</v>
      </c>
      <c r="G22" s="91">
        <v>1351</v>
      </c>
      <c r="H22" s="91">
        <v>627</v>
      </c>
      <c r="I22" s="105">
        <v>724</v>
      </c>
      <c r="J22" s="123">
        <v>166</v>
      </c>
      <c r="K22" s="94">
        <v>796</v>
      </c>
      <c r="L22" s="132">
        <v>389</v>
      </c>
      <c r="M22" s="351">
        <v>1164</v>
      </c>
      <c r="N22" s="96">
        <v>509</v>
      </c>
      <c r="O22" s="277">
        <v>0</v>
      </c>
      <c r="P22" s="106">
        <v>86.2</v>
      </c>
    </row>
    <row r="23" spans="2:16" s="219" customFormat="1" ht="21.75" customHeight="1">
      <c r="B23" s="348"/>
      <c r="C23" s="373" t="s">
        <v>28</v>
      </c>
      <c r="D23" s="350"/>
      <c r="E23" s="32"/>
      <c r="F23" s="91">
        <v>554</v>
      </c>
      <c r="G23" s="91">
        <v>1268</v>
      </c>
      <c r="H23" s="91">
        <v>601</v>
      </c>
      <c r="I23" s="105">
        <v>667</v>
      </c>
      <c r="J23" s="123">
        <v>179</v>
      </c>
      <c r="K23" s="94">
        <v>843</v>
      </c>
      <c r="L23" s="132">
        <v>246</v>
      </c>
      <c r="M23" s="351">
        <v>793</v>
      </c>
      <c r="N23" s="96">
        <v>257</v>
      </c>
      <c r="O23" s="277">
        <v>0</v>
      </c>
      <c r="P23" s="106">
        <v>62.5</v>
      </c>
    </row>
    <row r="24" spans="2:16" s="219" customFormat="1" ht="21.75" customHeight="1">
      <c r="B24" s="348" t="s">
        <v>625</v>
      </c>
      <c r="C24" s="373" t="s">
        <v>26</v>
      </c>
      <c r="D24" s="350"/>
      <c r="E24" s="32"/>
      <c r="F24" s="91">
        <v>816</v>
      </c>
      <c r="G24" s="91">
        <v>1918</v>
      </c>
      <c r="H24" s="91">
        <v>927</v>
      </c>
      <c r="I24" s="105">
        <v>991</v>
      </c>
      <c r="J24" s="123">
        <v>257</v>
      </c>
      <c r="K24" s="94">
        <v>1225</v>
      </c>
      <c r="L24" s="132">
        <v>431</v>
      </c>
      <c r="M24" s="351">
        <v>1538</v>
      </c>
      <c r="N24" s="96">
        <v>718</v>
      </c>
      <c r="O24" s="277">
        <v>0</v>
      </c>
      <c r="P24" s="106">
        <v>80.400000000000006</v>
      </c>
    </row>
    <row r="25" spans="2:16" s="219" customFormat="1" ht="21.75" customHeight="1">
      <c r="B25" s="348"/>
      <c r="C25" s="373" t="s">
        <v>27</v>
      </c>
      <c r="D25" s="350"/>
      <c r="E25" s="32"/>
      <c r="F25" s="91">
        <v>720</v>
      </c>
      <c r="G25" s="91">
        <v>1623</v>
      </c>
      <c r="H25" s="91">
        <v>775</v>
      </c>
      <c r="I25" s="105">
        <v>848</v>
      </c>
      <c r="J25" s="123">
        <v>251</v>
      </c>
      <c r="K25" s="94">
        <v>1093</v>
      </c>
      <c r="L25" s="132">
        <v>278</v>
      </c>
      <c r="M25" s="351">
        <v>1027</v>
      </c>
      <c r="N25" s="96">
        <v>251</v>
      </c>
      <c r="O25" s="277">
        <v>0</v>
      </c>
      <c r="P25" s="106">
        <v>63.3</v>
      </c>
    </row>
    <row r="26" spans="2:16" s="219" customFormat="1" ht="21.75" customHeight="1">
      <c r="B26" s="348"/>
      <c r="C26" s="373" t="s">
        <v>28</v>
      </c>
      <c r="D26" s="350"/>
      <c r="E26" s="32"/>
      <c r="F26" s="91">
        <v>320</v>
      </c>
      <c r="G26" s="91">
        <v>731</v>
      </c>
      <c r="H26" s="91">
        <v>354</v>
      </c>
      <c r="I26" s="105">
        <v>377</v>
      </c>
      <c r="J26" s="123">
        <v>98</v>
      </c>
      <c r="K26" s="94">
        <v>524</v>
      </c>
      <c r="L26" s="132">
        <v>107</v>
      </c>
      <c r="M26" s="351">
        <v>1530</v>
      </c>
      <c r="N26" s="96">
        <v>1242</v>
      </c>
      <c r="O26" s="277">
        <v>0</v>
      </c>
      <c r="P26" s="106">
        <v>209.9</v>
      </c>
    </row>
    <row r="27" spans="2:16" s="219" customFormat="1" ht="21.75" customHeight="1">
      <c r="B27" s="348" t="s">
        <v>73</v>
      </c>
      <c r="C27" s="373" t="s">
        <v>26</v>
      </c>
      <c r="D27" s="350"/>
      <c r="E27" s="32"/>
      <c r="F27" s="91">
        <v>305</v>
      </c>
      <c r="G27" s="91">
        <v>698</v>
      </c>
      <c r="H27" s="91">
        <v>331</v>
      </c>
      <c r="I27" s="105">
        <v>367</v>
      </c>
      <c r="J27" s="123">
        <v>91</v>
      </c>
      <c r="K27" s="94">
        <v>467</v>
      </c>
      <c r="L27" s="132">
        <v>140</v>
      </c>
      <c r="M27" s="351">
        <v>1105</v>
      </c>
      <c r="N27" s="96">
        <v>205</v>
      </c>
      <c r="O27" s="96">
        <v>595</v>
      </c>
      <c r="P27" s="106">
        <v>158.30000000000001</v>
      </c>
    </row>
    <row r="28" spans="2:16" s="219" customFormat="1" ht="21.75" customHeight="1">
      <c r="B28" s="348"/>
      <c r="C28" s="373" t="s">
        <v>27</v>
      </c>
      <c r="D28" s="350"/>
      <c r="E28" s="32"/>
      <c r="F28" s="91">
        <v>458</v>
      </c>
      <c r="G28" s="91">
        <v>896</v>
      </c>
      <c r="H28" s="91">
        <v>428</v>
      </c>
      <c r="I28" s="105">
        <v>468</v>
      </c>
      <c r="J28" s="123">
        <v>92</v>
      </c>
      <c r="K28" s="94">
        <v>554</v>
      </c>
      <c r="L28" s="132">
        <v>250</v>
      </c>
      <c r="M28" s="351">
        <v>702</v>
      </c>
      <c r="N28" s="96">
        <v>264</v>
      </c>
      <c r="O28" s="277">
        <v>0</v>
      </c>
      <c r="P28" s="106">
        <v>78.3</v>
      </c>
    </row>
    <row r="29" spans="2:16" s="219" customFormat="1" ht="21.75" customHeight="1">
      <c r="B29" s="348"/>
      <c r="C29" s="373" t="s">
        <v>28</v>
      </c>
      <c r="D29" s="350"/>
      <c r="E29" s="32"/>
      <c r="F29" s="91">
        <v>468</v>
      </c>
      <c r="G29" s="91">
        <v>1094</v>
      </c>
      <c r="H29" s="91">
        <v>501</v>
      </c>
      <c r="I29" s="105">
        <v>593</v>
      </c>
      <c r="J29" s="123">
        <v>142</v>
      </c>
      <c r="K29" s="94">
        <v>661</v>
      </c>
      <c r="L29" s="132">
        <v>291</v>
      </c>
      <c r="M29" s="351">
        <v>585</v>
      </c>
      <c r="N29" s="96">
        <v>68</v>
      </c>
      <c r="O29" s="277">
        <v>0</v>
      </c>
      <c r="P29" s="106">
        <v>53.5</v>
      </c>
    </row>
    <row r="30" spans="2:16" s="219" customFormat="1" ht="21.75" customHeight="1">
      <c r="B30" s="348" t="s">
        <v>626</v>
      </c>
      <c r="C30" s="373" t="s">
        <v>26</v>
      </c>
      <c r="D30" s="350"/>
      <c r="E30" s="32"/>
      <c r="F30" s="91">
        <v>657</v>
      </c>
      <c r="G30" s="91">
        <v>1493</v>
      </c>
      <c r="H30" s="91">
        <v>691</v>
      </c>
      <c r="I30" s="105">
        <v>802</v>
      </c>
      <c r="J30" s="123">
        <v>145</v>
      </c>
      <c r="K30" s="94">
        <v>1132</v>
      </c>
      <c r="L30" s="132">
        <v>216</v>
      </c>
      <c r="M30" s="351">
        <v>1314</v>
      </c>
      <c r="N30" s="96">
        <v>762</v>
      </c>
      <c r="O30" s="277">
        <v>0</v>
      </c>
      <c r="P30" s="106">
        <v>88</v>
      </c>
    </row>
    <row r="31" spans="2:16" s="219" customFormat="1" ht="21.75" customHeight="1">
      <c r="B31" s="348"/>
      <c r="C31" s="373" t="s">
        <v>27</v>
      </c>
      <c r="D31" s="350"/>
      <c r="E31" s="32"/>
      <c r="F31" s="91">
        <v>586</v>
      </c>
      <c r="G31" s="91">
        <v>1457</v>
      </c>
      <c r="H31" s="91">
        <v>677</v>
      </c>
      <c r="I31" s="105">
        <v>780</v>
      </c>
      <c r="J31" s="123">
        <v>226</v>
      </c>
      <c r="K31" s="94">
        <v>911</v>
      </c>
      <c r="L31" s="132">
        <v>320</v>
      </c>
      <c r="M31" s="351">
        <v>1105</v>
      </c>
      <c r="N31" s="96">
        <v>469</v>
      </c>
      <c r="O31" s="277">
        <v>0</v>
      </c>
      <c r="P31" s="106">
        <v>75.8</v>
      </c>
    </row>
    <row r="32" spans="2:16" s="219" customFormat="1" ht="21.75" customHeight="1">
      <c r="B32" s="348"/>
      <c r="C32" s="373" t="s">
        <v>28</v>
      </c>
      <c r="D32" s="350"/>
      <c r="E32" s="32"/>
      <c r="F32" s="91">
        <v>555</v>
      </c>
      <c r="G32" s="91">
        <v>1173</v>
      </c>
      <c r="H32" s="91">
        <v>587</v>
      </c>
      <c r="I32" s="105">
        <v>586</v>
      </c>
      <c r="J32" s="123">
        <v>115</v>
      </c>
      <c r="K32" s="94">
        <v>750</v>
      </c>
      <c r="L32" s="132">
        <v>308</v>
      </c>
      <c r="M32" s="351">
        <v>815</v>
      </c>
      <c r="N32" s="96">
        <v>281</v>
      </c>
      <c r="O32" s="277">
        <v>0</v>
      </c>
      <c r="P32" s="106">
        <v>69.5</v>
      </c>
    </row>
    <row r="33" spans="2:16" s="219" customFormat="1" ht="21.75" customHeight="1">
      <c r="B33" s="348"/>
      <c r="C33" s="373" t="s">
        <v>29</v>
      </c>
      <c r="D33" s="350"/>
      <c r="E33" s="32"/>
      <c r="F33" s="91">
        <v>267</v>
      </c>
      <c r="G33" s="91">
        <v>701</v>
      </c>
      <c r="H33" s="91">
        <v>335</v>
      </c>
      <c r="I33" s="105">
        <v>366</v>
      </c>
      <c r="J33" s="123">
        <v>82</v>
      </c>
      <c r="K33" s="94">
        <v>448</v>
      </c>
      <c r="L33" s="132">
        <v>171</v>
      </c>
      <c r="M33" s="351">
        <v>398</v>
      </c>
      <c r="N33" s="96">
        <v>93</v>
      </c>
      <c r="O33" s="277">
        <v>0</v>
      </c>
      <c r="P33" s="106">
        <v>56.8</v>
      </c>
    </row>
    <row r="34" spans="2:16" s="219" customFormat="1" ht="21.75" customHeight="1">
      <c r="B34" s="348" t="s">
        <v>627</v>
      </c>
      <c r="C34" s="373" t="s">
        <v>26</v>
      </c>
      <c r="D34" s="350"/>
      <c r="E34" s="32"/>
      <c r="F34" s="91">
        <v>1059</v>
      </c>
      <c r="G34" s="91">
        <v>2123</v>
      </c>
      <c r="H34" s="91">
        <v>1078</v>
      </c>
      <c r="I34" s="105">
        <v>1045</v>
      </c>
      <c r="J34" s="123">
        <v>294</v>
      </c>
      <c r="K34" s="94">
        <v>1396</v>
      </c>
      <c r="L34" s="132">
        <v>424</v>
      </c>
      <c r="M34" s="351">
        <v>1433</v>
      </c>
      <c r="N34" s="96">
        <v>484</v>
      </c>
      <c r="O34" s="277">
        <v>0</v>
      </c>
      <c r="P34" s="106">
        <v>67.8</v>
      </c>
    </row>
    <row r="35" spans="2:16" s="219" customFormat="1" ht="21.75" customHeight="1">
      <c r="B35" s="348"/>
      <c r="C35" s="373" t="s">
        <v>27</v>
      </c>
      <c r="D35" s="350"/>
      <c r="E35" s="32"/>
      <c r="F35" s="91">
        <v>803</v>
      </c>
      <c r="G35" s="91">
        <v>2015</v>
      </c>
      <c r="H35" s="91">
        <v>963</v>
      </c>
      <c r="I35" s="105">
        <v>1052</v>
      </c>
      <c r="J35" s="123">
        <v>307</v>
      </c>
      <c r="K35" s="94">
        <v>1374</v>
      </c>
      <c r="L35" s="132">
        <v>329</v>
      </c>
      <c r="M35" s="351">
        <v>1618</v>
      </c>
      <c r="N35" s="96">
        <v>313</v>
      </c>
      <c r="O35" s="96">
        <v>511</v>
      </c>
      <c r="P35" s="106">
        <v>80.5</v>
      </c>
    </row>
    <row r="36" spans="2:16" s="219" customFormat="1" ht="21.75" customHeight="1">
      <c r="B36" s="348"/>
      <c r="C36" s="373" t="s">
        <v>28</v>
      </c>
      <c r="D36" s="350"/>
      <c r="E36" s="32"/>
      <c r="F36" s="91">
        <v>422</v>
      </c>
      <c r="G36" s="91">
        <v>995</v>
      </c>
      <c r="H36" s="91">
        <v>491</v>
      </c>
      <c r="I36" s="105">
        <v>504</v>
      </c>
      <c r="J36" s="123">
        <v>128</v>
      </c>
      <c r="K36" s="94">
        <v>692</v>
      </c>
      <c r="L36" s="132">
        <v>175</v>
      </c>
      <c r="M36" s="351">
        <v>828</v>
      </c>
      <c r="N36" s="96">
        <v>454</v>
      </c>
      <c r="O36" s="277">
        <v>0</v>
      </c>
      <c r="P36" s="106">
        <v>83.2</v>
      </c>
    </row>
    <row r="37" spans="2:16" s="219" customFormat="1" ht="21" customHeight="1">
      <c r="B37" s="348"/>
      <c r="C37" s="373" t="s">
        <v>29</v>
      </c>
      <c r="D37" s="350"/>
      <c r="E37" s="32"/>
      <c r="F37" s="91">
        <v>791</v>
      </c>
      <c r="G37" s="91">
        <v>2072</v>
      </c>
      <c r="H37" s="91">
        <v>919</v>
      </c>
      <c r="I37" s="105">
        <v>1153</v>
      </c>
      <c r="J37" s="123">
        <v>305</v>
      </c>
      <c r="K37" s="94">
        <v>1285</v>
      </c>
      <c r="L37" s="132">
        <v>482</v>
      </c>
      <c r="M37" s="351">
        <v>1745</v>
      </c>
      <c r="N37" s="96">
        <v>339</v>
      </c>
      <c r="O37" s="96">
        <v>481</v>
      </c>
      <c r="P37" s="106">
        <v>84.2</v>
      </c>
    </row>
    <row r="38" spans="2:16" s="219" customFormat="1" ht="21" customHeight="1">
      <c r="B38" s="348" t="s">
        <v>123</v>
      </c>
      <c r="C38" s="373" t="s">
        <v>30</v>
      </c>
      <c r="D38" s="350"/>
      <c r="E38" s="32"/>
      <c r="F38" s="91">
        <v>728</v>
      </c>
      <c r="G38" s="91">
        <v>1609</v>
      </c>
      <c r="H38" s="91">
        <v>775</v>
      </c>
      <c r="I38" s="105">
        <v>834</v>
      </c>
      <c r="J38" s="123">
        <v>199</v>
      </c>
      <c r="K38" s="94">
        <v>979</v>
      </c>
      <c r="L38" s="132">
        <v>431</v>
      </c>
      <c r="M38" s="351">
        <v>1580</v>
      </c>
      <c r="N38" s="96">
        <v>539</v>
      </c>
      <c r="O38" s="96">
        <v>275</v>
      </c>
      <c r="P38" s="106">
        <v>98.2</v>
      </c>
    </row>
    <row r="39" spans="2:16" s="219" customFormat="1" ht="21" customHeight="1">
      <c r="B39" s="348"/>
      <c r="C39" s="373" t="s">
        <v>31</v>
      </c>
      <c r="D39" s="350"/>
      <c r="E39" s="32"/>
      <c r="F39" s="91">
        <v>1020</v>
      </c>
      <c r="G39" s="91">
        <v>2314</v>
      </c>
      <c r="H39" s="91">
        <v>1130</v>
      </c>
      <c r="I39" s="105">
        <v>1184</v>
      </c>
      <c r="J39" s="123">
        <v>390</v>
      </c>
      <c r="K39" s="94">
        <v>1692</v>
      </c>
      <c r="L39" s="132">
        <v>220</v>
      </c>
      <c r="M39" s="351">
        <v>1332</v>
      </c>
      <c r="N39" s="96">
        <v>439</v>
      </c>
      <c r="O39" s="277">
        <v>0</v>
      </c>
      <c r="P39" s="106">
        <v>57.9</v>
      </c>
    </row>
    <row r="40" spans="2:16" s="219" customFormat="1" ht="21" customHeight="1">
      <c r="B40" s="348"/>
      <c r="C40" s="373" t="s">
        <v>32</v>
      </c>
      <c r="D40" s="350"/>
      <c r="E40" s="32"/>
      <c r="F40" s="91">
        <v>650</v>
      </c>
      <c r="G40" s="91">
        <v>1576</v>
      </c>
      <c r="H40" s="91">
        <v>766</v>
      </c>
      <c r="I40" s="105">
        <v>810</v>
      </c>
      <c r="J40" s="123">
        <v>229</v>
      </c>
      <c r="K40" s="94">
        <v>1023</v>
      </c>
      <c r="L40" s="132">
        <v>324</v>
      </c>
      <c r="M40" s="351">
        <v>1759</v>
      </c>
      <c r="N40" s="96">
        <v>214</v>
      </c>
      <c r="O40" s="96">
        <v>786</v>
      </c>
      <c r="P40" s="106">
        <v>111.6</v>
      </c>
    </row>
    <row r="41" spans="2:16" s="219" customFormat="1" ht="21" customHeight="1">
      <c r="B41" s="357"/>
      <c r="C41" s="373" t="s">
        <v>33</v>
      </c>
      <c r="D41" s="358"/>
      <c r="E41" s="32"/>
      <c r="F41" s="91">
        <v>230</v>
      </c>
      <c r="G41" s="91">
        <v>645</v>
      </c>
      <c r="H41" s="91">
        <v>313</v>
      </c>
      <c r="I41" s="105">
        <v>332</v>
      </c>
      <c r="J41" s="123">
        <v>146</v>
      </c>
      <c r="K41" s="94">
        <v>440</v>
      </c>
      <c r="L41" s="132">
        <v>59</v>
      </c>
      <c r="M41" s="351">
        <v>1038</v>
      </c>
      <c r="N41" s="96">
        <v>282</v>
      </c>
      <c r="O41" s="96">
        <v>555</v>
      </c>
      <c r="P41" s="106">
        <v>160.9</v>
      </c>
    </row>
    <row r="42" spans="2:16" s="219" customFormat="1" ht="18.75" customHeight="1">
      <c r="B42" s="357" t="s">
        <v>628</v>
      </c>
      <c r="C42" s="373" t="s">
        <v>26</v>
      </c>
      <c r="D42" s="358"/>
      <c r="E42" s="32"/>
      <c r="F42" s="91">
        <v>1156</v>
      </c>
      <c r="G42" s="91">
        <v>2231</v>
      </c>
      <c r="H42" s="91">
        <v>1128</v>
      </c>
      <c r="I42" s="105">
        <v>1103</v>
      </c>
      <c r="J42" s="123">
        <v>226</v>
      </c>
      <c r="K42" s="94">
        <v>1526</v>
      </c>
      <c r="L42" s="132">
        <v>458</v>
      </c>
      <c r="M42" s="351">
        <v>2288</v>
      </c>
      <c r="N42" s="96">
        <v>924</v>
      </c>
      <c r="O42" s="96">
        <v>296</v>
      </c>
      <c r="P42" s="106">
        <v>103.5</v>
      </c>
    </row>
    <row r="43" spans="2:16" s="219" customFormat="1" ht="21" customHeight="1">
      <c r="B43" s="357"/>
      <c r="C43" s="373" t="s">
        <v>27</v>
      </c>
      <c r="D43" s="358"/>
      <c r="E43" s="32"/>
      <c r="F43" s="91">
        <v>535</v>
      </c>
      <c r="G43" s="91">
        <v>1267</v>
      </c>
      <c r="H43" s="91">
        <v>629</v>
      </c>
      <c r="I43" s="105">
        <v>638</v>
      </c>
      <c r="J43" s="123">
        <v>124</v>
      </c>
      <c r="K43" s="94">
        <v>788</v>
      </c>
      <c r="L43" s="132">
        <v>355</v>
      </c>
      <c r="M43" s="351">
        <v>2693</v>
      </c>
      <c r="N43" s="96">
        <v>1685</v>
      </c>
      <c r="O43" s="96">
        <v>374</v>
      </c>
      <c r="P43" s="106">
        <v>212.5</v>
      </c>
    </row>
    <row r="44" spans="2:16" s="219" customFormat="1" ht="21" customHeight="1">
      <c r="B44" s="357"/>
      <c r="C44" s="373" t="s">
        <v>28</v>
      </c>
      <c r="D44" s="358"/>
      <c r="E44" s="32"/>
      <c r="F44" s="91">
        <v>244</v>
      </c>
      <c r="G44" s="91">
        <v>374</v>
      </c>
      <c r="H44" s="91">
        <v>240</v>
      </c>
      <c r="I44" s="105">
        <v>134</v>
      </c>
      <c r="J44" s="123">
        <v>28</v>
      </c>
      <c r="K44" s="94">
        <v>291</v>
      </c>
      <c r="L44" s="132">
        <v>55</v>
      </c>
      <c r="M44" s="242">
        <v>958</v>
      </c>
      <c r="N44" s="96">
        <v>823</v>
      </c>
      <c r="O44" s="277">
        <v>0</v>
      </c>
      <c r="P44" s="106">
        <v>256.10000000000002</v>
      </c>
    </row>
    <row r="45" spans="2:16" s="219" customFormat="1" ht="21" customHeight="1">
      <c r="B45" s="357"/>
      <c r="C45" s="373" t="s">
        <v>29</v>
      </c>
      <c r="D45" s="358"/>
      <c r="E45" s="32"/>
      <c r="F45" s="378" t="s">
        <v>192</v>
      </c>
      <c r="G45" s="378" t="s">
        <v>192</v>
      </c>
      <c r="H45" s="378" t="s">
        <v>192</v>
      </c>
      <c r="I45" s="378" t="s">
        <v>192</v>
      </c>
      <c r="J45" s="378" t="s">
        <v>192</v>
      </c>
      <c r="K45" s="378" t="s">
        <v>192</v>
      </c>
      <c r="L45" s="378" t="s">
        <v>192</v>
      </c>
      <c r="M45" s="242">
        <v>871</v>
      </c>
      <c r="N45" s="96">
        <v>871</v>
      </c>
      <c r="O45" s="277">
        <v>0</v>
      </c>
      <c r="P45" s="295" t="s">
        <v>96</v>
      </c>
    </row>
    <row r="46" spans="2:16" s="219" customFormat="1" ht="21" customHeight="1">
      <c r="B46" s="352"/>
      <c r="C46" s="374" t="s">
        <v>30</v>
      </c>
      <c r="D46" s="354"/>
      <c r="E46" s="40"/>
      <c r="F46" s="115">
        <v>1146</v>
      </c>
      <c r="G46" s="115">
        <v>2916</v>
      </c>
      <c r="H46" s="115">
        <v>1435</v>
      </c>
      <c r="I46" s="114">
        <v>1481</v>
      </c>
      <c r="J46" s="127">
        <v>541</v>
      </c>
      <c r="K46" s="118">
        <v>1992</v>
      </c>
      <c r="L46" s="276">
        <v>381</v>
      </c>
      <c r="M46" s="369">
        <v>2240</v>
      </c>
      <c r="N46" s="120">
        <v>1045</v>
      </c>
      <c r="O46" s="280">
        <v>0</v>
      </c>
      <c r="P46" s="122">
        <v>76.900000000000006</v>
      </c>
    </row>
    <row r="47" spans="2:16" s="219" customFormat="1" ht="21" customHeight="1">
      <c r="B47" s="348" t="s">
        <v>629</v>
      </c>
      <c r="C47" s="373" t="s">
        <v>26</v>
      </c>
      <c r="D47" s="350"/>
      <c r="E47" s="32"/>
      <c r="F47" s="91">
        <v>1401</v>
      </c>
      <c r="G47" s="91">
        <v>3462</v>
      </c>
      <c r="H47" s="91">
        <v>1612</v>
      </c>
      <c r="I47" s="105">
        <v>1850</v>
      </c>
      <c r="J47" s="123">
        <v>570</v>
      </c>
      <c r="K47" s="94">
        <v>2209</v>
      </c>
      <c r="L47" s="132">
        <v>668</v>
      </c>
      <c r="M47" s="351">
        <v>4101</v>
      </c>
      <c r="N47" s="96">
        <v>1963</v>
      </c>
      <c r="O47" s="96">
        <v>655</v>
      </c>
      <c r="P47" s="106">
        <v>119</v>
      </c>
    </row>
    <row r="48" spans="2:16" s="219" customFormat="1" ht="21" customHeight="1">
      <c r="B48" s="348"/>
      <c r="C48" s="373" t="s">
        <v>27</v>
      </c>
      <c r="D48" s="350"/>
      <c r="E48" s="32"/>
      <c r="F48" s="91">
        <v>618</v>
      </c>
      <c r="G48" s="91">
        <v>1398</v>
      </c>
      <c r="H48" s="91">
        <v>672</v>
      </c>
      <c r="I48" s="105">
        <v>726</v>
      </c>
      <c r="J48" s="123">
        <v>162</v>
      </c>
      <c r="K48" s="94">
        <v>856</v>
      </c>
      <c r="L48" s="132">
        <v>379</v>
      </c>
      <c r="M48" s="351">
        <v>1107</v>
      </c>
      <c r="N48" s="96">
        <v>473</v>
      </c>
      <c r="O48" s="277">
        <v>0</v>
      </c>
      <c r="P48" s="106">
        <v>79.2</v>
      </c>
    </row>
    <row r="49" spans="2:16" s="219" customFormat="1" ht="21" customHeight="1">
      <c r="B49" s="348"/>
      <c r="C49" s="373" t="s">
        <v>28</v>
      </c>
      <c r="D49" s="350"/>
      <c r="E49" s="32"/>
      <c r="F49" s="91">
        <v>661</v>
      </c>
      <c r="G49" s="91">
        <v>1560</v>
      </c>
      <c r="H49" s="91">
        <v>755</v>
      </c>
      <c r="I49" s="105">
        <v>805</v>
      </c>
      <c r="J49" s="123">
        <v>172</v>
      </c>
      <c r="K49" s="94">
        <v>980</v>
      </c>
      <c r="L49" s="132">
        <v>408</v>
      </c>
      <c r="M49" s="351">
        <v>1034</v>
      </c>
      <c r="N49" s="103">
        <v>356</v>
      </c>
      <c r="O49" s="277">
        <v>0</v>
      </c>
      <c r="P49" s="236">
        <v>66.3</v>
      </c>
    </row>
    <row r="50" spans="2:16" s="219" customFormat="1" ht="21" customHeight="1">
      <c r="B50" s="348"/>
      <c r="C50" s="373" t="s">
        <v>29</v>
      </c>
      <c r="D50" s="350"/>
      <c r="E50" s="32"/>
      <c r="F50" s="91">
        <v>395</v>
      </c>
      <c r="G50" s="91">
        <v>779</v>
      </c>
      <c r="H50" s="91">
        <v>367</v>
      </c>
      <c r="I50" s="105">
        <v>412</v>
      </c>
      <c r="J50" s="123">
        <v>100</v>
      </c>
      <c r="K50" s="94">
        <v>522</v>
      </c>
      <c r="L50" s="132">
        <v>157</v>
      </c>
      <c r="M50" s="351">
        <v>772</v>
      </c>
      <c r="N50" s="96">
        <v>400</v>
      </c>
      <c r="O50" s="277">
        <v>0</v>
      </c>
      <c r="P50" s="106">
        <v>99.1</v>
      </c>
    </row>
    <row r="51" spans="2:16" s="219" customFormat="1" ht="21" customHeight="1">
      <c r="B51" s="348" t="s">
        <v>630</v>
      </c>
      <c r="C51" s="373" t="s">
        <v>26</v>
      </c>
      <c r="D51" s="350"/>
      <c r="E51" s="32"/>
      <c r="F51" s="91">
        <v>1129</v>
      </c>
      <c r="G51" s="91">
        <v>2895</v>
      </c>
      <c r="H51" s="91">
        <v>1329</v>
      </c>
      <c r="I51" s="105">
        <v>1566</v>
      </c>
      <c r="J51" s="123">
        <v>407</v>
      </c>
      <c r="K51" s="94">
        <v>1969</v>
      </c>
      <c r="L51" s="132">
        <v>510</v>
      </c>
      <c r="M51" s="351">
        <v>1510</v>
      </c>
      <c r="N51" s="96">
        <v>362</v>
      </c>
      <c r="O51" s="277">
        <v>0</v>
      </c>
      <c r="P51" s="106">
        <v>52.3</v>
      </c>
    </row>
    <row r="52" spans="2:16" s="219" customFormat="1" ht="21" customHeight="1">
      <c r="B52" s="348"/>
      <c r="C52" s="373" t="s">
        <v>27</v>
      </c>
      <c r="D52" s="350"/>
      <c r="E52" s="32"/>
      <c r="F52" s="91">
        <v>695</v>
      </c>
      <c r="G52" s="91">
        <v>1556</v>
      </c>
      <c r="H52" s="91">
        <v>713</v>
      </c>
      <c r="I52" s="105">
        <v>843</v>
      </c>
      <c r="J52" s="123">
        <v>175</v>
      </c>
      <c r="K52" s="94">
        <v>1038</v>
      </c>
      <c r="L52" s="132">
        <v>343</v>
      </c>
      <c r="M52" s="351">
        <v>1333</v>
      </c>
      <c r="N52" s="96">
        <v>730</v>
      </c>
      <c r="O52" s="277">
        <v>0</v>
      </c>
      <c r="P52" s="106">
        <v>85.7</v>
      </c>
    </row>
    <row r="53" spans="2:16" s="219" customFormat="1" ht="21" customHeight="1">
      <c r="B53" s="348"/>
      <c r="C53" s="373" t="s">
        <v>28</v>
      </c>
      <c r="D53" s="350"/>
      <c r="E53" s="32"/>
      <c r="F53" s="91">
        <v>900</v>
      </c>
      <c r="G53" s="91">
        <v>1985</v>
      </c>
      <c r="H53" s="91">
        <v>959</v>
      </c>
      <c r="I53" s="105">
        <v>1026</v>
      </c>
      <c r="J53" s="123">
        <v>275</v>
      </c>
      <c r="K53" s="94">
        <v>1345</v>
      </c>
      <c r="L53" s="132">
        <v>365</v>
      </c>
      <c r="M53" s="351">
        <v>1967</v>
      </c>
      <c r="N53" s="96">
        <v>1055</v>
      </c>
      <c r="O53" s="277">
        <v>0</v>
      </c>
      <c r="P53" s="106">
        <v>99.1</v>
      </c>
    </row>
    <row r="54" spans="2:16" s="219" customFormat="1" ht="21" customHeight="1">
      <c r="B54" s="348"/>
      <c r="C54" s="373" t="s">
        <v>29</v>
      </c>
      <c r="D54" s="350"/>
      <c r="E54" s="32"/>
      <c r="F54" s="91">
        <v>291</v>
      </c>
      <c r="G54" s="91">
        <v>654</v>
      </c>
      <c r="H54" s="91">
        <v>323</v>
      </c>
      <c r="I54" s="105">
        <v>331</v>
      </c>
      <c r="J54" s="123">
        <v>85</v>
      </c>
      <c r="K54" s="94">
        <v>390</v>
      </c>
      <c r="L54" s="132">
        <v>179</v>
      </c>
      <c r="M54" s="351">
        <v>1090</v>
      </c>
      <c r="N54" s="96">
        <v>746</v>
      </c>
      <c r="O54" s="277">
        <v>0</v>
      </c>
      <c r="P54" s="106">
        <v>166.7</v>
      </c>
    </row>
    <row r="55" spans="2:16" s="219" customFormat="1" ht="21" customHeight="1">
      <c r="B55" s="348" t="s">
        <v>631</v>
      </c>
      <c r="C55" s="373" t="s">
        <v>26</v>
      </c>
      <c r="D55" s="350"/>
      <c r="E55" s="32"/>
      <c r="F55" s="91">
        <v>579</v>
      </c>
      <c r="G55" s="91">
        <v>1513</v>
      </c>
      <c r="H55" s="91">
        <v>706</v>
      </c>
      <c r="I55" s="105">
        <v>807</v>
      </c>
      <c r="J55" s="123">
        <v>254</v>
      </c>
      <c r="K55" s="94">
        <v>1089</v>
      </c>
      <c r="L55" s="132">
        <v>170</v>
      </c>
      <c r="M55" s="351">
        <v>971</v>
      </c>
      <c r="N55" s="96">
        <v>408</v>
      </c>
      <c r="O55" s="277">
        <v>0</v>
      </c>
      <c r="P55" s="106">
        <v>64.2</v>
      </c>
    </row>
    <row r="56" spans="2:16" s="219" customFormat="1" ht="21" customHeight="1">
      <c r="B56" s="348"/>
      <c r="C56" s="373" t="s">
        <v>27</v>
      </c>
      <c r="D56" s="350"/>
      <c r="E56" s="32"/>
      <c r="F56" s="91">
        <v>402</v>
      </c>
      <c r="G56" s="91">
        <v>942</v>
      </c>
      <c r="H56" s="91">
        <v>447</v>
      </c>
      <c r="I56" s="105">
        <v>495</v>
      </c>
      <c r="J56" s="123">
        <v>120</v>
      </c>
      <c r="K56" s="94">
        <v>637</v>
      </c>
      <c r="L56" s="132">
        <v>185</v>
      </c>
      <c r="M56" s="351">
        <v>1300</v>
      </c>
      <c r="N56" s="96">
        <v>406</v>
      </c>
      <c r="O56" s="96">
        <v>478</v>
      </c>
      <c r="P56" s="106">
        <v>138</v>
      </c>
    </row>
    <row r="57" spans="2:16" s="219" customFormat="1" ht="21" customHeight="1">
      <c r="B57" s="348"/>
      <c r="C57" s="373" t="s">
        <v>28</v>
      </c>
      <c r="D57" s="350"/>
      <c r="E57" s="32"/>
      <c r="F57" s="91">
        <v>1050</v>
      </c>
      <c r="G57" s="91">
        <v>2410</v>
      </c>
      <c r="H57" s="91">
        <v>1190</v>
      </c>
      <c r="I57" s="105">
        <v>1220</v>
      </c>
      <c r="J57" s="123">
        <v>328</v>
      </c>
      <c r="K57" s="94">
        <v>1565</v>
      </c>
      <c r="L57" s="132">
        <v>517</v>
      </c>
      <c r="M57" s="351">
        <v>1460</v>
      </c>
      <c r="N57" s="96">
        <v>398</v>
      </c>
      <c r="O57" s="277">
        <v>0</v>
      </c>
      <c r="P57" s="106">
        <v>60.6</v>
      </c>
    </row>
    <row r="58" spans="2:16" s="219" customFormat="1" ht="21" customHeight="1">
      <c r="B58" s="348"/>
      <c r="C58" s="373" t="s">
        <v>29</v>
      </c>
      <c r="D58" s="350"/>
      <c r="E58" s="32"/>
      <c r="F58" s="91">
        <v>713</v>
      </c>
      <c r="G58" s="91">
        <v>1655</v>
      </c>
      <c r="H58" s="91">
        <v>847</v>
      </c>
      <c r="I58" s="105">
        <v>808</v>
      </c>
      <c r="J58" s="123">
        <v>191</v>
      </c>
      <c r="K58" s="94">
        <v>1141</v>
      </c>
      <c r="L58" s="132">
        <v>320</v>
      </c>
      <c r="M58" s="351">
        <v>1501</v>
      </c>
      <c r="N58" s="96">
        <v>314</v>
      </c>
      <c r="O58" s="96">
        <v>485</v>
      </c>
      <c r="P58" s="106">
        <v>90.9</v>
      </c>
    </row>
    <row r="59" spans="2:16" s="219" customFormat="1" ht="21" customHeight="1">
      <c r="B59" s="348" t="s">
        <v>632</v>
      </c>
      <c r="C59" s="373" t="s">
        <v>26</v>
      </c>
      <c r="D59" s="350"/>
      <c r="E59" s="32"/>
      <c r="F59" s="91">
        <v>25</v>
      </c>
      <c r="G59" s="91">
        <v>43</v>
      </c>
      <c r="H59" s="91">
        <v>26</v>
      </c>
      <c r="I59" s="105">
        <v>17</v>
      </c>
      <c r="J59" s="123">
        <v>3</v>
      </c>
      <c r="K59" s="94">
        <v>32</v>
      </c>
      <c r="L59" s="132">
        <v>8</v>
      </c>
      <c r="M59" s="351">
        <v>32</v>
      </c>
      <c r="N59" s="103">
        <v>11</v>
      </c>
      <c r="O59" s="277">
        <v>0</v>
      </c>
      <c r="P59" s="236">
        <v>74.400000000000006</v>
      </c>
    </row>
    <row r="60" spans="2:16" s="219" customFormat="1" ht="21" customHeight="1">
      <c r="B60" s="348"/>
      <c r="C60" s="373" t="s">
        <v>27</v>
      </c>
      <c r="D60" s="350"/>
      <c r="E60" s="32"/>
      <c r="F60" s="91">
        <v>399</v>
      </c>
      <c r="G60" s="91">
        <v>879</v>
      </c>
      <c r="H60" s="91">
        <v>440</v>
      </c>
      <c r="I60" s="105">
        <v>439</v>
      </c>
      <c r="J60" s="123">
        <v>134</v>
      </c>
      <c r="K60" s="94">
        <v>666</v>
      </c>
      <c r="L60" s="132">
        <v>72</v>
      </c>
      <c r="M60" s="351">
        <v>1097</v>
      </c>
      <c r="N60" s="96">
        <v>724</v>
      </c>
      <c r="O60" s="277">
        <v>0</v>
      </c>
      <c r="P60" s="106">
        <v>125.8</v>
      </c>
    </row>
    <row r="61" spans="2:16" s="219" customFormat="1" ht="21" customHeight="1">
      <c r="B61" s="348"/>
      <c r="C61" s="373" t="s">
        <v>28</v>
      </c>
      <c r="D61" s="350"/>
      <c r="E61" s="32"/>
      <c r="F61" s="91">
        <v>279</v>
      </c>
      <c r="G61" s="91">
        <v>700</v>
      </c>
      <c r="H61" s="91">
        <v>349</v>
      </c>
      <c r="I61" s="105">
        <v>351</v>
      </c>
      <c r="J61" s="123">
        <v>74</v>
      </c>
      <c r="K61" s="94">
        <v>445</v>
      </c>
      <c r="L61" s="132">
        <v>170</v>
      </c>
      <c r="M61" s="351">
        <v>958</v>
      </c>
      <c r="N61" s="96">
        <v>560</v>
      </c>
      <c r="O61" s="277">
        <v>0</v>
      </c>
      <c r="P61" s="106">
        <v>139</v>
      </c>
    </row>
    <row r="62" spans="2:16" s="219" customFormat="1" ht="21" customHeight="1">
      <c r="B62" s="348"/>
      <c r="C62" s="373" t="s">
        <v>29</v>
      </c>
      <c r="D62" s="350"/>
      <c r="E62" s="32"/>
      <c r="F62" s="91">
        <v>803</v>
      </c>
      <c r="G62" s="91">
        <v>2057</v>
      </c>
      <c r="H62" s="91">
        <v>987</v>
      </c>
      <c r="I62" s="105">
        <v>1070</v>
      </c>
      <c r="J62" s="123">
        <v>291</v>
      </c>
      <c r="K62" s="94">
        <v>1382</v>
      </c>
      <c r="L62" s="132">
        <v>384</v>
      </c>
      <c r="M62" s="351">
        <v>1178</v>
      </c>
      <c r="N62" s="96">
        <v>307</v>
      </c>
      <c r="O62" s="277">
        <v>0</v>
      </c>
      <c r="P62" s="106">
        <v>57.3</v>
      </c>
    </row>
    <row r="63" spans="2:16" s="219" customFormat="1" ht="21" customHeight="1">
      <c r="B63" s="348" t="s">
        <v>633</v>
      </c>
      <c r="C63" s="373" t="s">
        <v>26</v>
      </c>
      <c r="D63" s="350"/>
      <c r="E63" s="32"/>
      <c r="F63" s="91">
        <v>454</v>
      </c>
      <c r="G63" s="91">
        <v>973</v>
      </c>
      <c r="H63" s="91">
        <v>470</v>
      </c>
      <c r="I63" s="105">
        <v>503</v>
      </c>
      <c r="J63" s="123">
        <v>69</v>
      </c>
      <c r="K63" s="94">
        <v>627</v>
      </c>
      <c r="L63" s="132">
        <v>277</v>
      </c>
      <c r="M63" s="351">
        <v>1650</v>
      </c>
      <c r="N63" s="96">
        <v>937</v>
      </c>
      <c r="O63" s="96">
        <v>225</v>
      </c>
      <c r="P63" s="106">
        <v>169.6</v>
      </c>
    </row>
    <row r="64" spans="2:16" s="219" customFormat="1" ht="21" customHeight="1">
      <c r="B64" s="348" t="s">
        <v>123</v>
      </c>
      <c r="C64" s="373" t="s">
        <v>27</v>
      </c>
      <c r="D64" s="350"/>
      <c r="E64" s="32"/>
      <c r="F64" s="91">
        <v>165</v>
      </c>
      <c r="G64" s="91">
        <v>374</v>
      </c>
      <c r="H64" s="91">
        <v>179</v>
      </c>
      <c r="I64" s="105">
        <v>195</v>
      </c>
      <c r="J64" s="123">
        <v>50</v>
      </c>
      <c r="K64" s="94">
        <v>255</v>
      </c>
      <c r="L64" s="132">
        <v>69</v>
      </c>
      <c r="M64" s="242">
        <v>445</v>
      </c>
      <c r="N64" s="96">
        <v>246</v>
      </c>
      <c r="O64" s="277">
        <v>0</v>
      </c>
      <c r="P64" s="106">
        <v>119</v>
      </c>
    </row>
    <row r="65" spans="1:17" s="219" customFormat="1" ht="21" customHeight="1">
      <c r="B65" s="348" t="s">
        <v>634</v>
      </c>
      <c r="C65" s="373" t="s">
        <v>26</v>
      </c>
      <c r="D65" s="350"/>
      <c r="E65" s="32"/>
      <c r="F65" s="378" t="s">
        <v>192</v>
      </c>
      <c r="G65" s="378" t="s">
        <v>192</v>
      </c>
      <c r="H65" s="378" t="s">
        <v>192</v>
      </c>
      <c r="I65" s="378" t="s">
        <v>192</v>
      </c>
      <c r="J65" s="378" t="s">
        <v>192</v>
      </c>
      <c r="K65" s="378" t="s">
        <v>192</v>
      </c>
      <c r="L65" s="378" t="s">
        <v>192</v>
      </c>
      <c r="M65" s="242">
        <v>788</v>
      </c>
      <c r="N65" s="96">
        <v>788</v>
      </c>
      <c r="O65" s="277">
        <v>0</v>
      </c>
      <c r="P65" s="295" t="s">
        <v>96</v>
      </c>
    </row>
    <row r="66" spans="1:17" s="219" customFormat="1" ht="21" customHeight="1">
      <c r="B66" s="348"/>
      <c r="C66" s="373" t="s">
        <v>27</v>
      </c>
      <c r="D66" s="350"/>
      <c r="E66" s="32"/>
      <c r="F66" s="91">
        <v>419</v>
      </c>
      <c r="G66" s="91">
        <v>911</v>
      </c>
      <c r="H66" s="91">
        <v>428</v>
      </c>
      <c r="I66" s="105">
        <v>483</v>
      </c>
      <c r="J66" s="123">
        <v>86</v>
      </c>
      <c r="K66" s="94">
        <v>486</v>
      </c>
      <c r="L66" s="132">
        <v>339</v>
      </c>
      <c r="M66" s="242">
        <v>1352</v>
      </c>
      <c r="N66" s="96">
        <v>871</v>
      </c>
      <c r="O66" s="277">
        <v>0</v>
      </c>
      <c r="P66" s="106">
        <v>148.4</v>
      </c>
    </row>
    <row r="67" spans="1:17" s="219" customFormat="1" ht="10.5" customHeight="1">
      <c r="B67" s="467" t="s">
        <v>635</v>
      </c>
      <c r="C67" s="468" t="s">
        <v>26</v>
      </c>
      <c r="D67" s="350"/>
      <c r="E67" s="453" t="s">
        <v>441</v>
      </c>
      <c r="F67" s="405">
        <v>175</v>
      </c>
      <c r="G67" s="91">
        <v>369</v>
      </c>
      <c r="H67" s="405">
        <v>215</v>
      </c>
      <c r="I67" s="405">
        <v>154</v>
      </c>
      <c r="J67" s="427">
        <v>52</v>
      </c>
      <c r="K67" s="427">
        <v>265</v>
      </c>
      <c r="L67" s="428">
        <v>57</v>
      </c>
      <c r="M67" s="437">
        <v>1350</v>
      </c>
      <c r="N67" s="433">
        <v>1187</v>
      </c>
      <c r="O67" s="450">
        <v>0</v>
      </c>
      <c r="P67" s="434">
        <v>366.8</v>
      </c>
    </row>
    <row r="68" spans="1:17" s="219" customFormat="1" ht="10.5" customHeight="1">
      <c r="B68" s="467"/>
      <c r="C68" s="468"/>
      <c r="D68" s="350"/>
      <c r="E68" s="453"/>
      <c r="F68" s="405"/>
      <c r="G68" s="107">
        <v>375</v>
      </c>
      <c r="H68" s="405"/>
      <c r="I68" s="405"/>
      <c r="J68" s="427"/>
      <c r="K68" s="427"/>
      <c r="L68" s="428"/>
      <c r="M68" s="437"/>
      <c r="N68" s="433"/>
      <c r="O68" s="450"/>
      <c r="P68" s="434">
        <v>0</v>
      </c>
    </row>
    <row r="69" spans="1:17" s="219" customFormat="1" ht="21" customHeight="1">
      <c r="B69" s="348"/>
      <c r="C69" s="373" t="s">
        <v>27</v>
      </c>
      <c r="D69" s="350"/>
      <c r="E69" s="124" t="s">
        <v>440</v>
      </c>
      <c r="F69" s="91">
        <v>5</v>
      </c>
      <c r="G69" s="91">
        <v>6</v>
      </c>
      <c r="H69" s="91">
        <v>5</v>
      </c>
      <c r="I69" s="105">
        <v>1</v>
      </c>
      <c r="J69" s="123" t="s">
        <v>229</v>
      </c>
      <c r="K69" s="94" t="s">
        <v>229</v>
      </c>
      <c r="L69" s="132" t="s">
        <v>229</v>
      </c>
      <c r="M69" s="351">
        <v>695</v>
      </c>
      <c r="N69" s="96">
        <v>693</v>
      </c>
      <c r="O69" s="277">
        <v>0</v>
      </c>
      <c r="P69" s="106">
        <v>11583.3</v>
      </c>
    </row>
    <row r="70" spans="1:17" s="219" customFormat="1" ht="21" customHeight="1">
      <c r="B70" s="348" t="s">
        <v>636</v>
      </c>
      <c r="C70" s="373" t="s">
        <v>26</v>
      </c>
      <c r="D70" s="350"/>
      <c r="E70" s="32"/>
      <c r="F70" s="91">
        <v>982</v>
      </c>
      <c r="G70" s="91">
        <v>2098</v>
      </c>
      <c r="H70" s="91">
        <v>948</v>
      </c>
      <c r="I70" s="105">
        <v>1150</v>
      </c>
      <c r="J70" s="123">
        <v>221</v>
      </c>
      <c r="K70" s="94">
        <v>1342</v>
      </c>
      <c r="L70" s="132">
        <v>535</v>
      </c>
      <c r="M70" s="351">
        <v>1132</v>
      </c>
      <c r="N70" s="96">
        <v>121</v>
      </c>
      <c r="O70" s="277">
        <v>0</v>
      </c>
      <c r="P70" s="106">
        <v>54</v>
      </c>
    </row>
    <row r="71" spans="1:17" s="219" customFormat="1" ht="21" customHeight="1">
      <c r="B71" s="348"/>
      <c r="C71" s="373" t="s">
        <v>27</v>
      </c>
      <c r="D71" s="350"/>
      <c r="E71" s="32"/>
      <c r="F71" s="91">
        <v>589</v>
      </c>
      <c r="G71" s="91">
        <v>1435</v>
      </c>
      <c r="H71" s="91">
        <v>702</v>
      </c>
      <c r="I71" s="105">
        <v>733</v>
      </c>
      <c r="J71" s="123">
        <v>206</v>
      </c>
      <c r="K71" s="94">
        <v>917</v>
      </c>
      <c r="L71" s="132">
        <v>312</v>
      </c>
      <c r="M71" s="351">
        <v>1597</v>
      </c>
      <c r="N71" s="96">
        <v>399</v>
      </c>
      <c r="O71" s="96">
        <v>522</v>
      </c>
      <c r="P71" s="106">
        <v>111.3</v>
      </c>
    </row>
    <row r="72" spans="1:17" s="219" customFormat="1" ht="21" customHeight="1">
      <c r="B72" s="348"/>
      <c r="C72" s="373" t="s">
        <v>28</v>
      </c>
      <c r="D72" s="350"/>
      <c r="E72" s="32"/>
      <c r="F72" s="91">
        <v>705</v>
      </c>
      <c r="G72" s="91">
        <v>1949</v>
      </c>
      <c r="H72" s="91">
        <v>933</v>
      </c>
      <c r="I72" s="105">
        <v>1016</v>
      </c>
      <c r="J72" s="123">
        <v>224</v>
      </c>
      <c r="K72" s="94">
        <v>1252</v>
      </c>
      <c r="L72" s="132">
        <v>473</v>
      </c>
      <c r="M72" s="351">
        <v>1110</v>
      </c>
      <c r="N72" s="96">
        <v>313</v>
      </c>
      <c r="O72" s="277">
        <v>0</v>
      </c>
      <c r="P72" s="106">
        <v>57</v>
      </c>
    </row>
    <row r="73" spans="1:17" s="219" customFormat="1" ht="21" customHeight="1">
      <c r="B73" s="348" t="s">
        <v>637</v>
      </c>
      <c r="C73" s="373" t="s">
        <v>26</v>
      </c>
      <c r="D73" s="350"/>
      <c r="E73" s="32"/>
      <c r="F73" s="91">
        <v>350</v>
      </c>
      <c r="G73" s="91">
        <v>847</v>
      </c>
      <c r="H73" s="91">
        <v>412</v>
      </c>
      <c r="I73" s="105">
        <v>435</v>
      </c>
      <c r="J73" s="123">
        <v>152</v>
      </c>
      <c r="K73" s="94">
        <v>616</v>
      </c>
      <c r="L73" s="132">
        <v>75</v>
      </c>
      <c r="M73" s="351">
        <v>1840</v>
      </c>
      <c r="N73" s="96">
        <v>1497</v>
      </c>
      <c r="O73" s="277">
        <v>0</v>
      </c>
      <c r="P73" s="106">
        <v>218.3</v>
      </c>
    </row>
    <row r="74" spans="1:17" s="219" customFormat="1" ht="20.25" customHeight="1">
      <c r="B74" s="348"/>
      <c r="C74" s="373" t="s">
        <v>27</v>
      </c>
      <c r="D74" s="350"/>
      <c r="E74" s="32"/>
      <c r="F74" s="91">
        <v>594</v>
      </c>
      <c r="G74" s="91">
        <v>1439</v>
      </c>
      <c r="H74" s="91">
        <v>755</v>
      </c>
      <c r="I74" s="105">
        <v>684</v>
      </c>
      <c r="J74" s="123">
        <v>284</v>
      </c>
      <c r="K74" s="94">
        <v>1016</v>
      </c>
      <c r="L74" s="132">
        <v>139</v>
      </c>
      <c r="M74" s="351">
        <v>878</v>
      </c>
      <c r="N74" s="96">
        <v>276</v>
      </c>
      <c r="O74" s="277">
        <v>0</v>
      </c>
      <c r="P74" s="106">
        <v>61</v>
      </c>
    </row>
    <row r="75" spans="1:17" s="219" customFormat="1" ht="18.75" customHeight="1">
      <c r="B75" s="348"/>
      <c r="C75" s="373" t="s">
        <v>28</v>
      </c>
      <c r="D75" s="350"/>
      <c r="E75" s="32"/>
      <c r="F75" s="91">
        <v>1221</v>
      </c>
      <c r="G75" s="91">
        <v>3000</v>
      </c>
      <c r="H75" s="91">
        <v>1496</v>
      </c>
      <c r="I75" s="105">
        <v>1504</v>
      </c>
      <c r="J75" s="123">
        <v>466</v>
      </c>
      <c r="K75" s="94">
        <v>2138</v>
      </c>
      <c r="L75" s="132">
        <v>392</v>
      </c>
      <c r="M75" s="351">
        <v>2318</v>
      </c>
      <c r="N75" s="96">
        <v>1053</v>
      </c>
      <c r="O75" s="277">
        <v>0</v>
      </c>
      <c r="P75" s="106">
        <v>77.400000000000006</v>
      </c>
    </row>
    <row r="76" spans="1:17" s="219" customFormat="1" ht="18.75" customHeight="1">
      <c r="B76" s="348"/>
      <c r="C76" s="373" t="s">
        <v>29</v>
      </c>
      <c r="D76" s="350"/>
      <c r="E76" s="32"/>
      <c r="F76" s="91">
        <v>1388</v>
      </c>
      <c r="G76" s="91">
        <v>3433</v>
      </c>
      <c r="H76" s="91">
        <v>1599</v>
      </c>
      <c r="I76" s="105">
        <v>1834</v>
      </c>
      <c r="J76" s="123">
        <v>438</v>
      </c>
      <c r="K76" s="94">
        <v>2351</v>
      </c>
      <c r="L76" s="132">
        <v>644</v>
      </c>
      <c r="M76" s="351">
        <v>1838</v>
      </c>
      <c r="N76" s="96">
        <v>362</v>
      </c>
      <c r="O76" s="277">
        <v>0</v>
      </c>
      <c r="P76" s="236">
        <v>53.5</v>
      </c>
    </row>
    <row r="77" spans="1:17" s="219" customFormat="1" ht="18.75" customHeight="1">
      <c r="A77" s="220"/>
      <c r="B77" s="357"/>
      <c r="C77" s="373" t="s">
        <v>30</v>
      </c>
      <c r="D77" s="358"/>
      <c r="E77" s="32"/>
      <c r="F77" s="91">
        <v>329</v>
      </c>
      <c r="G77" s="91">
        <v>923</v>
      </c>
      <c r="H77" s="91">
        <v>449</v>
      </c>
      <c r="I77" s="105">
        <v>474</v>
      </c>
      <c r="J77" s="123">
        <v>224</v>
      </c>
      <c r="K77" s="94">
        <v>658</v>
      </c>
      <c r="L77" s="132">
        <v>41</v>
      </c>
      <c r="M77" s="351">
        <v>947</v>
      </c>
      <c r="N77" s="96">
        <v>649</v>
      </c>
      <c r="O77" s="277">
        <v>0</v>
      </c>
      <c r="P77" s="106">
        <v>102.6</v>
      </c>
    </row>
    <row r="78" spans="1:17" s="219" customFormat="1" ht="21" customHeight="1">
      <c r="B78" s="357" t="s">
        <v>638</v>
      </c>
      <c r="C78" s="373" t="s">
        <v>31</v>
      </c>
      <c r="D78" s="358"/>
      <c r="E78" s="108"/>
      <c r="F78" s="91">
        <v>141</v>
      </c>
      <c r="G78" s="91">
        <v>423</v>
      </c>
      <c r="H78" s="91">
        <v>200</v>
      </c>
      <c r="I78" s="105">
        <v>223</v>
      </c>
      <c r="J78" s="123">
        <v>110</v>
      </c>
      <c r="K78" s="94">
        <v>292</v>
      </c>
      <c r="L78" s="132">
        <v>21</v>
      </c>
      <c r="M78" s="242">
        <v>1121</v>
      </c>
      <c r="N78" s="96">
        <v>236</v>
      </c>
      <c r="O78" s="96">
        <v>711</v>
      </c>
      <c r="P78" s="106">
        <v>265</v>
      </c>
    </row>
    <row r="79" spans="1:17" s="219" customFormat="1" ht="21" customHeight="1">
      <c r="B79" s="357"/>
      <c r="C79" s="373" t="s">
        <v>32</v>
      </c>
      <c r="D79" s="358"/>
      <c r="E79" s="108"/>
      <c r="F79" s="91">
        <v>518</v>
      </c>
      <c r="G79" s="91">
        <v>1454</v>
      </c>
      <c r="H79" s="91">
        <v>725</v>
      </c>
      <c r="I79" s="105">
        <v>729</v>
      </c>
      <c r="J79" s="123">
        <v>273</v>
      </c>
      <c r="K79" s="94">
        <v>1057</v>
      </c>
      <c r="L79" s="132">
        <v>124</v>
      </c>
      <c r="M79" s="242">
        <v>1106</v>
      </c>
      <c r="N79" s="96">
        <v>512</v>
      </c>
      <c r="O79" s="338">
        <v>0</v>
      </c>
      <c r="P79" s="106">
        <v>76.099999999999994</v>
      </c>
      <c r="Q79" s="140"/>
    </row>
    <row r="80" spans="1:17" s="219" customFormat="1" ht="21" customHeight="1">
      <c r="B80" s="357"/>
      <c r="C80" s="373" t="s">
        <v>33</v>
      </c>
      <c r="D80" s="358"/>
      <c r="E80" s="108"/>
      <c r="F80" s="91">
        <v>254</v>
      </c>
      <c r="G80" s="91">
        <v>739</v>
      </c>
      <c r="H80" s="91">
        <v>355</v>
      </c>
      <c r="I80" s="105">
        <v>384</v>
      </c>
      <c r="J80" s="123">
        <v>134</v>
      </c>
      <c r="K80" s="94">
        <v>523</v>
      </c>
      <c r="L80" s="132">
        <v>78</v>
      </c>
      <c r="M80" s="242">
        <v>1017</v>
      </c>
      <c r="N80" s="96">
        <v>296</v>
      </c>
      <c r="O80" s="96">
        <v>434</v>
      </c>
      <c r="P80" s="106">
        <v>138.4</v>
      </c>
      <c r="Q80" s="44"/>
    </row>
    <row r="81" spans="2:17" s="219" customFormat="1" ht="21" customHeight="1">
      <c r="B81" s="357" t="s">
        <v>639</v>
      </c>
      <c r="C81" s="373" t="s">
        <v>26</v>
      </c>
      <c r="D81" s="358"/>
      <c r="E81" s="124" t="s">
        <v>456</v>
      </c>
      <c r="F81" s="91">
        <v>4</v>
      </c>
      <c r="G81" s="91">
        <v>11</v>
      </c>
      <c r="H81" s="91">
        <v>6</v>
      </c>
      <c r="I81" s="105">
        <v>5</v>
      </c>
      <c r="J81" s="123" t="s">
        <v>229</v>
      </c>
      <c r="K81" s="94" t="s">
        <v>229</v>
      </c>
      <c r="L81" s="132" t="s">
        <v>229</v>
      </c>
      <c r="M81" s="242">
        <v>438</v>
      </c>
      <c r="N81" s="96">
        <v>435</v>
      </c>
      <c r="O81" s="338">
        <v>0</v>
      </c>
      <c r="P81" s="106">
        <v>3981.8</v>
      </c>
      <c r="Q81" s="44"/>
    </row>
    <row r="82" spans="2:17" s="219" customFormat="1" ht="10.5" customHeight="1">
      <c r="B82" s="357"/>
      <c r="C82" s="468" t="s">
        <v>27</v>
      </c>
      <c r="D82" s="358"/>
      <c r="E82" s="453" t="s">
        <v>454</v>
      </c>
      <c r="F82" s="405">
        <v>70</v>
      </c>
      <c r="G82" s="91">
        <v>143</v>
      </c>
      <c r="H82" s="405">
        <v>83</v>
      </c>
      <c r="I82" s="405">
        <v>60</v>
      </c>
      <c r="J82" s="445">
        <v>4</v>
      </c>
      <c r="K82" s="445">
        <v>99</v>
      </c>
      <c r="L82" s="428">
        <v>51</v>
      </c>
      <c r="M82" s="437">
        <v>1746</v>
      </c>
      <c r="N82" s="433">
        <v>1684</v>
      </c>
      <c r="O82" s="450">
        <v>0</v>
      </c>
      <c r="P82" s="434">
        <v>1221</v>
      </c>
      <c r="Q82" s="44"/>
    </row>
    <row r="83" spans="2:17" s="219" customFormat="1" ht="10.5" customHeight="1">
      <c r="B83" s="357"/>
      <c r="C83" s="468"/>
      <c r="D83" s="358"/>
      <c r="E83" s="453"/>
      <c r="F83" s="405"/>
      <c r="G83" s="107">
        <v>154</v>
      </c>
      <c r="H83" s="405"/>
      <c r="I83" s="405"/>
      <c r="J83" s="445"/>
      <c r="K83" s="445"/>
      <c r="L83" s="428"/>
      <c r="M83" s="437"/>
      <c r="N83" s="433"/>
      <c r="O83" s="450"/>
      <c r="P83" s="434">
        <v>0</v>
      </c>
      <c r="Q83" s="44"/>
    </row>
    <row r="84" spans="2:17" s="219" customFormat="1" ht="21" customHeight="1">
      <c r="B84" s="357" t="s">
        <v>640</v>
      </c>
      <c r="C84" s="373" t="s">
        <v>26</v>
      </c>
      <c r="D84" s="358"/>
      <c r="E84" s="108"/>
      <c r="F84" s="91">
        <v>117</v>
      </c>
      <c r="G84" s="91">
        <v>212</v>
      </c>
      <c r="H84" s="91">
        <v>96</v>
      </c>
      <c r="I84" s="105">
        <v>116</v>
      </c>
      <c r="J84" s="123">
        <v>7</v>
      </c>
      <c r="K84" s="94">
        <v>122</v>
      </c>
      <c r="L84" s="132">
        <v>83</v>
      </c>
      <c r="M84" s="242">
        <v>2814</v>
      </c>
      <c r="N84" s="96">
        <v>2690</v>
      </c>
      <c r="O84" s="338">
        <v>0</v>
      </c>
      <c r="P84" s="106">
        <v>1327.4</v>
      </c>
      <c r="Q84" s="44"/>
    </row>
    <row r="85" spans="2:17" s="219" customFormat="1" ht="21" customHeight="1">
      <c r="B85" s="352"/>
      <c r="C85" s="374" t="s">
        <v>27</v>
      </c>
      <c r="D85" s="354"/>
      <c r="E85" s="279"/>
      <c r="F85" s="115">
        <v>1319</v>
      </c>
      <c r="G85" s="115">
        <v>3377</v>
      </c>
      <c r="H85" s="115">
        <v>1665</v>
      </c>
      <c r="I85" s="114">
        <v>1712</v>
      </c>
      <c r="J85" s="127">
        <v>573</v>
      </c>
      <c r="K85" s="118">
        <v>2375</v>
      </c>
      <c r="L85" s="276">
        <v>412</v>
      </c>
      <c r="M85" s="369">
        <v>3286</v>
      </c>
      <c r="N85" s="120">
        <v>1588</v>
      </c>
      <c r="O85" s="120">
        <v>335</v>
      </c>
      <c r="P85" s="122">
        <v>97.8</v>
      </c>
      <c r="Q85" s="44"/>
    </row>
    <row r="86" spans="2:17" s="219" customFormat="1" ht="21" customHeight="1">
      <c r="B86" s="348" t="s">
        <v>641</v>
      </c>
      <c r="C86" s="373" t="s">
        <v>26</v>
      </c>
      <c r="D86" s="350"/>
      <c r="E86" s="108"/>
      <c r="F86" s="91">
        <v>19</v>
      </c>
      <c r="G86" s="91">
        <v>382</v>
      </c>
      <c r="H86" s="91">
        <v>149</v>
      </c>
      <c r="I86" s="105">
        <v>233</v>
      </c>
      <c r="J86" s="123">
        <v>4</v>
      </c>
      <c r="K86" s="94">
        <v>33</v>
      </c>
      <c r="L86" s="132">
        <v>345</v>
      </c>
      <c r="M86" s="242">
        <v>9985</v>
      </c>
      <c r="N86" s="96">
        <v>9622</v>
      </c>
      <c r="O86" s="338">
        <v>0</v>
      </c>
      <c r="P86" s="106">
        <v>2613.9</v>
      </c>
      <c r="Q86" s="44"/>
    </row>
    <row r="87" spans="2:17" s="219" customFormat="1" ht="21" customHeight="1">
      <c r="B87" s="348"/>
      <c r="C87" s="373" t="s">
        <v>27</v>
      </c>
      <c r="D87" s="350"/>
      <c r="E87" s="108"/>
      <c r="F87" s="378" t="s">
        <v>192</v>
      </c>
      <c r="G87" s="378" t="s">
        <v>192</v>
      </c>
      <c r="H87" s="378" t="s">
        <v>192</v>
      </c>
      <c r="I87" s="378" t="s">
        <v>192</v>
      </c>
      <c r="J87" s="378" t="s">
        <v>192</v>
      </c>
      <c r="K87" s="378" t="s">
        <v>192</v>
      </c>
      <c r="L87" s="378" t="s">
        <v>192</v>
      </c>
      <c r="M87" s="242">
        <v>1820</v>
      </c>
      <c r="N87" s="96">
        <v>1820</v>
      </c>
      <c r="O87" s="338">
        <v>0</v>
      </c>
      <c r="P87" s="295" t="s">
        <v>96</v>
      </c>
      <c r="Q87" s="44"/>
    </row>
    <row r="88" spans="2:17" s="219" customFormat="1" ht="21" customHeight="1">
      <c r="B88" s="348"/>
      <c r="C88" s="373" t="s">
        <v>28</v>
      </c>
      <c r="D88" s="350"/>
      <c r="E88" s="108"/>
      <c r="F88" s="378" t="s">
        <v>192</v>
      </c>
      <c r="G88" s="378" t="s">
        <v>192</v>
      </c>
      <c r="H88" s="378" t="s">
        <v>192</v>
      </c>
      <c r="I88" s="378" t="s">
        <v>192</v>
      </c>
      <c r="J88" s="378" t="s">
        <v>192</v>
      </c>
      <c r="K88" s="378" t="s">
        <v>192</v>
      </c>
      <c r="L88" s="378" t="s">
        <v>192</v>
      </c>
      <c r="M88" s="242">
        <v>110</v>
      </c>
      <c r="N88" s="103">
        <v>110</v>
      </c>
      <c r="O88" s="338">
        <v>0</v>
      </c>
      <c r="P88" s="295" t="s">
        <v>96</v>
      </c>
      <c r="Q88" s="44"/>
    </row>
    <row r="89" spans="2:17" s="219" customFormat="1" ht="10.5" customHeight="1">
      <c r="B89" s="470" t="s">
        <v>642</v>
      </c>
      <c r="C89" s="468" t="s">
        <v>26</v>
      </c>
      <c r="D89" s="350"/>
      <c r="E89" s="453" t="s">
        <v>643</v>
      </c>
      <c r="F89" s="405">
        <v>1822</v>
      </c>
      <c r="G89" s="91">
        <v>3451</v>
      </c>
      <c r="H89" s="405">
        <v>1787</v>
      </c>
      <c r="I89" s="405">
        <v>1664</v>
      </c>
      <c r="J89" s="427">
        <v>334</v>
      </c>
      <c r="K89" s="427">
        <v>2472</v>
      </c>
      <c r="L89" s="427">
        <v>648</v>
      </c>
      <c r="M89" s="437">
        <v>1809</v>
      </c>
      <c r="N89" s="433">
        <v>220</v>
      </c>
      <c r="O89" s="450">
        <v>0</v>
      </c>
      <c r="P89" s="434">
        <v>52.5</v>
      </c>
      <c r="Q89" s="44"/>
    </row>
    <row r="90" spans="2:17" s="219" customFormat="1" ht="10.5" customHeight="1">
      <c r="B90" s="470"/>
      <c r="C90" s="468"/>
      <c r="D90" s="350"/>
      <c r="E90" s="453"/>
      <c r="F90" s="405"/>
      <c r="G90" s="107">
        <v>3458</v>
      </c>
      <c r="H90" s="405"/>
      <c r="I90" s="405"/>
      <c r="J90" s="427"/>
      <c r="K90" s="427"/>
      <c r="L90" s="427"/>
      <c r="M90" s="437"/>
      <c r="N90" s="433"/>
      <c r="O90" s="450"/>
      <c r="P90" s="434">
        <v>0</v>
      </c>
      <c r="Q90" s="44"/>
    </row>
    <row r="91" spans="2:17" s="219" customFormat="1" ht="21" customHeight="1">
      <c r="B91" s="348"/>
      <c r="C91" s="373" t="s">
        <v>27</v>
      </c>
      <c r="D91" s="350"/>
      <c r="E91" s="124"/>
      <c r="F91" s="378" t="s">
        <v>192</v>
      </c>
      <c r="G91" s="378" t="s">
        <v>192</v>
      </c>
      <c r="H91" s="378" t="s">
        <v>192</v>
      </c>
      <c r="I91" s="378" t="s">
        <v>192</v>
      </c>
      <c r="J91" s="378" t="s">
        <v>192</v>
      </c>
      <c r="K91" s="378" t="s">
        <v>192</v>
      </c>
      <c r="L91" s="379" t="s">
        <v>192</v>
      </c>
      <c r="M91" s="242">
        <v>1731</v>
      </c>
      <c r="N91" s="96">
        <v>1057</v>
      </c>
      <c r="O91" s="96">
        <v>674</v>
      </c>
      <c r="P91" s="295" t="s">
        <v>96</v>
      </c>
      <c r="Q91" s="44"/>
    </row>
    <row r="92" spans="2:17" s="219" customFormat="1" ht="21" customHeight="1">
      <c r="B92" s="348"/>
      <c r="C92" s="373" t="s">
        <v>28</v>
      </c>
      <c r="D92" s="350"/>
      <c r="E92" s="124" t="s">
        <v>644</v>
      </c>
      <c r="F92" s="91">
        <v>3</v>
      </c>
      <c r="G92" s="91">
        <v>7</v>
      </c>
      <c r="H92" s="91">
        <v>5</v>
      </c>
      <c r="I92" s="105">
        <v>2</v>
      </c>
      <c r="J92" s="123" t="s">
        <v>229</v>
      </c>
      <c r="K92" s="94" t="s">
        <v>229</v>
      </c>
      <c r="L92" s="132" t="s">
        <v>229</v>
      </c>
      <c r="M92" s="242">
        <v>2239</v>
      </c>
      <c r="N92" s="96">
        <v>2239</v>
      </c>
      <c r="O92" s="338">
        <v>0</v>
      </c>
      <c r="P92" s="106">
        <v>37316.699999999997</v>
      </c>
      <c r="Q92" s="44"/>
    </row>
    <row r="93" spans="2:17" s="219" customFormat="1" ht="21" customHeight="1">
      <c r="B93" s="348"/>
      <c r="C93" s="373" t="s">
        <v>29</v>
      </c>
      <c r="D93" s="350"/>
      <c r="E93" s="124"/>
      <c r="F93" s="378" t="s">
        <v>192</v>
      </c>
      <c r="G93" s="378" t="s">
        <v>192</v>
      </c>
      <c r="H93" s="378" t="s">
        <v>192</v>
      </c>
      <c r="I93" s="378" t="s">
        <v>192</v>
      </c>
      <c r="J93" s="378" t="s">
        <v>192</v>
      </c>
      <c r="K93" s="378" t="s">
        <v>192</v>
      </c>
      <c r="L93" s="379" t="s">
        <v>192</v>
      </c>
      <c r="M93" s="242">
        <v>1121</v>
      </c>
      <c r="N93" s="96">
        <v>1121</v>
      </c>
      <c r="O93" s="338">
        <v>0</v>
      </c>
      <c r="P93" s="295" t="s">
        <v>96</v>
      </c>
      <c r="Q93" s="44"/>
    </row>
    <row r="94" spans="2:17" s="219" customFormat="1" ht="21" customHeight="1">
      <c r="B94" s="348"/>
      <c r="C94" s="373" t="s">
        <v>30</v>
      </c>
      <c r="D94" s="350"/>
      <c r="E94" s="124"/>
      <c r="F94" s="378" t="s">
        <v>192</v>
      </c>
      <c r="G94" s="378" t="s">
        <v>192</v>
      </c>
      <c r="H94" s="378" t="s">
        <v>192</v>
      </c>
      <c r="I94" s="378" t="s">
        <v>192</v>
      </c>
      <c r="J94" s="378" t="s">
        <v>192</v>
      </c>
      <c r="K94" s="378" t="s">
        <v>192</v>
      </c>
      <c r="L94" s="379" t="s">
        <v>192</v>
      </c>
      <c r="M94" s="242">
        <v>228</v>
      </c>
      <c r="N94" s="103">
        <v>228</v>
      </c>
      <c r="O94" s="338">
        <v>0</v>
      </c>
      <c r="P94" s="295" t="s">
        <v>96</v>
      </c>
      <c r="Q94" s="44"/>
    </row>
    <row r="95" spans="2:17" s="219" customFormat="1" ht="21" customHeight="1">
      <c r="B95" s="348"/>
      <c r="C95" s="373" t="s">
        <v>31</v>
      </c>
      <c r="D95" s="350"/>
      <c r="E95" s="124"/>
      <c r="F95" s="378" t="s">
        <v>192</v>
      </c>
      <c r="G95" s="378" t="s">
        <v>192</v>
      </c>
      <c r="H95" s="378" t="s">
        <v>192</v>
      </c>
      <c r="I95" s="378" t="s">
        <v>192</v>
      </c>
      <c r="J95" s="378" t="s">
        <v>192</v>
      </c>
      <c r="K95" s="378" t="s">
        <v>192</v>
      </c>
      <c r="L95" s="379" t="s">
        <v>192</v>
      </c>
      <c r="M95" s="242">
        <v>172</v>
      </c>
      <c r="N95" s="103">
        <v>172</v>
      </c>
      <c r="O95" s="338">
        <v>0</v>
      </c>
      <c r="P95" s="295" t="s">
        <v>96</v>
      </c>
      <c r="Q95" s="44"/>
    </row>
    <row r="96" spans="2:17" s="219" customFormat="1" ht="21" customHeight="1">
      <c r="B96" s="348"/>
      <c r="C96" s="373" t="s">
        <v>32</v>
      </c>
      <c r="D96" s="350"/>
      <c r="E96" s="124"/>
      <c r="F96" s="378" t="s">
        <v>192</v>
      </c>
      <c r="G96" s="378" t="s">
        <v>192</v>
      </c>
      <c r="H96" s="378" t="s">
        <v>192</v>
      </c>
      <c r="I96" s="378" t="s">
        <v>192</v>
      </c>
      <c r="J96" s="378" t="s">
        <v>192</v>
      </c>
      <c r="K96" s="378" t="s">
        <v>192</v>
      </c>
      <c r="L96" s="379" t="s">
        <v>192</v>
      </c>
      <c r="M96" s="242">
        <v>549</v>
      </c>
      <c r="N96" s="103">
        <v>549</v>
      </c>
      <c r="O96" s="338">
        <v>0</v>
      </c>
      <c r="P96" s="295" t="s">
        <v>96</v>
      </c>
      <c r="Q96" s="44"/>
    </row>
    <row r="97" spans="2:17" s="219" customFormat="1" ht="21" customHeight="1">
      <c r="B97" s="348"/>
      <c r="C97" s="373" t="s">
        <v>33</v>
      </c>
      <c r="D97" s="350"/>
      <c r="E97" s="124"/>
      <c r="F97" s="378" t="s">
        <v>192</v>
      </c>
      <c r="G97" s="378" t="s">
        <v>192</v>
      </c>
      <c r="H97" s="378" t="s">
        <v>192</v>
      </c>
      <c r="I97" s="378" t="s">
        <v>192</v>
      </c>
      <c r="J97" s="378" t="s">
        <v>192</v>
      </c>
      <c r="K97" s="378" t="s">
        <v>192</v>
      </c>
      <c r="L97" s="379" t="s">
        <v>192</v>
      </c>
      <c r="M97" s="242">
        <v>1313</v>
      </c>
      <c r="N97" s="103">
        <v>1313</v>
      </c>
      <c r="O97" s="338">
        <v>0</v>
      </c>
      <c r="P97" s="295" t="s">
        <v>96</v>
      </c>
      <c r="Q97" s="44"/>
    </row>
    <row r="98" spans="2:17" s="219" customFormat="1" ht="21" customHeight="1">
      <c r="B98" s="348" t="s">
        <v>123</v>
      </c>
      <c r="C98" s="373" t="s">
        <v>34</v>
      </c>
      <c r="D98" s="350"/>
      <c r="E98" s="124"/>
      <c r="F98" s="378" t="s">
        <v>192</v>
      </c>
      <c r="G98" s="378" t="s">
        <v>192</v>
      </c>
      <c r="H98" s="378" t="s">
        <v>192</v>
      </c>
      <c r="I98" s="378" t="s">
        <v>192</v>
      </c>
      <c r="J98" s="378" t="s">
        <v>192</v>
      </c>
      <c r="K98" s="378" t="s">
        <v>192</v>
      </c>
      <c r="L98" s="379" t="s">
        <v>192</v>
      </c>
      <c r="M98" s="242">
        <v>499</v>
      </c>
      <c r="N98" s="96">
        <v>499</v>
      </c>
      <c r="O98" s="338">
        <v>0</v>
      </c>
      <c r="P98" s="295" t="s">
        <v>96</v>
      </c>
      <c r="Q98" s="44"/>
    </row>
    <row r="99" spans="2:17" s="219" customFormat="1" ht="21" customHeight="1">
      <c r="B99" s="348" t="s">
        <v>645</v>
      </c>
      <c r="C99" s="373" t="s">
        <v>26</v>
      </c>
      <c r="D99" s="350"/>
      <c r="E99" s="124"/>
      <c r="F99" s="91">
        <v>8</v>
      </c>
      <c r="G99" s="91">
        <v>8</v>
      </c>
      <c r="H99" s="91">
        <v>8</v>
      </c>
      <c r="I99" s="378" t="s">
        <v>192</v>
      </c>
      <c r="J99" s="378" t="s">
        <v>192</v>
      </c>
      <c r="K99" s="94">
        <v>8</v>
      </c>
      <c r="L99" s="379" t="s">
        <v>192</v>
      </c>
      <c r="M99" s="242">
        <v>350</v>
      </c>
      <c r="N99" s="103">
        <v>348</v>
      </c>
      <c r="O99" s="338">
        <v>0</v>
      </c>
      <c r="P99" s="236">
        <v>4375</v>
      </c>
      <c r="Q99" s="44"/>
    </row>
    <row r="100" spans="2:17" s="219" customFormat="1" ht="21" customHeight="1">
      <c r="B100" s="348"/>
      <c r="C100" s="373" t="s">
        <v>27</v>
      </c>
      <c r="D100" s="350"/>
      <c r="E100" s="332"/>
      <c r="F100" s="105">
        <v>2265</v>
      </c>
      <c r="G100" s="105">
        <v>5734</v>
      </c>
      <c r="H100" s="105">
        <v>2699</v>
      </c>
      <c r="I100" s="105">
        <v>3035</v>
      </c>
      <c r="J100" s="105">
        <v>698</v>
      </c>
      <c r="K100" s="105">
        <v>4017</v>
      </c>
      <c r="L100" s="132">
        <v>1018</v>
      </c>
      <c r="M100" s="242">
        <v>3843</v>
      </c>
      <c r="N100" s="243">
        <v>1137</v>
      </c>
      <c r="O100" s="243">
        <v>275</v>
      </c>
      <c r="P100" s="236">
        <v>67</v>
      </c>
      <c r="Q100" s="44"/>
    </row>
    <row r="101" spans="2:17" s="219" customFormat="1" ht="21" customHeight="1">
      <c r="B101" s="348"/>
      <c r="C101" s="373" t="s">
        <v>28</v>
      </c>
      <c r="D101" s="350"/>
      <c r="E101" s="240"/>
      <c r="F101" s="105">
        <v>2295</v>
      </c>
      <c r="G101" s="105">
        <v>6471</v>
      </c>
      <c r="H101" s="105">
        <v>3182</v>
      </c>
      <c r="I101" s="105">
        <v>3289</v>
      </c>
      <c r="J101" s="105">
        <v>723</v>
      </c>
      <c r="K101" s="105">
        <v>5043</v>
      </c>
      <c r="L101" s="132">
        <v>705</v>
      </c>
      <c r="M101" s="242">
        <v>3115</v>
      </c>
      <c r="N101" s="243">
        <v>341</v>
      </c>
      <c r="O101" s="243">
        <v>583</v>
      </c>
      <c r="P101" s="236">
        <v>48.1</v>
      </c>
      <c r="Q101" s="44"/>
    </row>
    <row r="102" spans="2:17" s="219" customFormat="1" ht="19.5" customHeight="1">
      <c r="B102" s="348"/>
      <c r="C102" s="373" t="s">
        <v>29</v>
      </c>
      <c r="D102" s="350"/>
      <c r="E102" s="124"/>
      <c r="F102" s="91">
        <v>2550</v>
      </c>
      <c r="G102" s="91">
        <v>6333</v>
      </c>
      <c r="H102" s="91">
        <v>3106</v>
      </c>
      <c r="I102" s="105">
        <v>3227</v>
      </c>
      <c r="J102" s="123">
        <v>727</v>
      </c>
      <c r="K102" s="94">
        <v>4852</v>
      </c>
      <c r="L102" s="132">
        <v>746</v>
      </c>
      <c r="M102" s="242">
        <v>6013</v>
      </c>
      <c r="N102" s="96">
        <v>944</v>
      </c>
      <c r="O102" s="96">
        <v>2745</v>
      </c>
      <c r="P102" s="106">
        <v>95.1</v>
      </c>
      <c r="Q102" s="44"/>
    </row>
    <row r="103" spans="2:17" s="219" customFormat="1" ht="10.5" customHeight="1">
      <c r="B103" s="467"/>
      <c r="C103" s="468" t="s">
        <v>30</v>
      </c>
      <c r="D103" s="350"/>
      <c r="E103" s="469" t="s">
        <v>646</v>
      </c>
      <c r="F103" s="405">
        <v>2526</v>
      </c>
      <c r="G103" s="91">
        <v>7142</v>
      </c>
      <c r="H103" s="405">
        <v>3403</v>
      </c>
      <c r="I103" s="405">
        <v>3739</v>
      </c>
      <c r="J103" s="427">
        <v>1038</v>
      </c>
      <c r="K103" s="427">
        <v>5324</v>
      </c>
      <c r="L103" s="428">
        <v>784</v>
      </c>
      <c r="M103" s="437">
        <v>3121</v>
      </c>
      <c r="N103" s="433">
        <v>179</v>
      </c>
      <c r="O103" s="433">
        <v>344</v>
      </c>
      <c r="P103" s="434">
        <v>43.7</v>
      </c>
      <c r="Q103" s="44"/>
    </row>
    <row r="104" spans="2:17" s="219" customFormat="1" ht="10.5" customHeight="1">
      <c r="B104" s="467"/>
      <c r="C104" s="468"/>
      <c r="D104" s="350"/>
      <c r="E104" s="469"/>
      <c r="F104" s="405"/>
      <c r="G104" s="107">
        <v>7148</v>
      </c>
      <c r="H104" s="405"/>
      <c r="I104" s="405"/>
      <c r="J104" s="427"/>
      <c r="K104" s="427"/>
      <c r="L104" s="428"/>
      <c r="M104" s="437"/>
      <c r="N104" s="433"/>
      <c r="O104" s="433"/>
      <c r="P104" s="434">
        <v>0</v>
      </c>
      <c r="Q104" s="44"/>
    </row>
    <row r="105" spans="2:17" s="219" customFormat="1" ht="19.5" customHeight="1">
      <c r="B105" s="348"/>
      <c r="C105" s="373" t="s">
        <v>31</v>
      </c>
      <c r="D105" s="350"/>
      <c r="E105" s="124"/>
      <c r="F105" s="378" t="s">
        <v>192</v>
      </c>
      <c r="G105" s="378" t="s">
        <v>192</v>
      </c>
      <c r="H105" s="378" t="s">
        <v>192</v>
      </c>
      <c r="I105" s="378" t="s">
        <v>192</v>
      </c>
      <c r="J105" s="378" t="s">
        <v>192</v>
      </c>
      <c r="K105" s="378" t="s">
        <v>192</v>
      </c>
      <c r="L105" s="378" t="s">
        <v>192</v>
      </c>
      <c r="M105" s="242">
        <v>439</v>
      </c>
      <c r="N105" s="103">
        <v>439</v>
      </c>
      <c r="O105" s="338">
        <v>0</v>
      </c>
      <c r="P105" s="295" t="s">
        <v>96</v>
      </c>
      <c r="Q105" s="44"/>
    </row>
    <row r="106" spans="2:17" s="219" customFormat="1" ht="19.5" customHeight="1">
      <c r="B106" s="348"/>
      <c r="C106" s="373" t="s">
        <v>32</v>
      </c>
      <c r="D106" s="350"/>
      <c r="E106" s="124"/>
      <c r="F106" s="378" t="s">
        <v>192</v>
      </c>
      <c r="G106" s="378" t="s">
        <v>192</v>
      </c>
      <c r="H106" s="378" t="s">
        <v>192</v>
      </c>
      <c r="I106" s="378" t="s">
        <v>192</v>
      </c>
      <c r="J106" s="378" t="s">
        <v>192</v>
      </c>
      <c r="K106" s="378" t="s">
        <v>192</v>
      </c>
      <c r="L106" s="378" t="s">
        <v>192</v>
      </c>
      <c r="M106" s="242">
        <v>78</v>
      </c>
      <c r="N106" s="96">
        <v>78</v>
      </c>
      <c r="O106" s="338">
        <v>0</v>
      </c>
      <c r="P106" s="295" t="s">
        <v>96</v>
      </c>
      <c r="Q106" s="44"/>
    </row>
    <row r="107" spans="2:17" s="219" customFormat="1" ht="19.5" customHeight="1">
      <c r="B107" s="348"/>
      <c r="C107" s="373" t="s">
        <v>33</v>
      </c>
      <c r="D107" s="350"/>
      <c r="E107" s="124"/>
      <c r="F107" s="378" t="s">
        <v>192</v>
      </c>
      <c r="G107" s="378" t="s">
        <v>192</v>
      </c>
      <c r="H107" s="378" t="s">
        <v>192</v>
      </c>
      <c r="I107" s="378" t="s">
        <v>192</v>
      </c>
      <c r="J107" s="378" t="s">
        <v>192</v>
      </c>
      <c r="K107" s="378" t="s">
        <v>192</v>
      </c>
      <c r="L107" s="378" t="s">
        <v>192</v>
      </c>
      <c r="M107" s="242">
        <v>339</v>
      </c>
      <c r="N107" s="103">
        <v>339</v>
      </c>
      <c r="O107" s="338">
        <v>0</v>
      </c>
      <c r="P107" s="295" t="s">
        <v>96</v>
      </c>
      <c r="Q107" s="44"/>
    </row>
    <row r="108" spans="2:17" s="219" customFormat="1" ht="21" customHeight="1">
      <c r="B108" s="348" t="s">
        <v>647</v>
      </c>
      <c r="C108" s="373" t="s">
        <v>26</v>
      </c>
      <c r="D108" s="350"/>
      <c r="E108" s="124" t="s">
        <v>648</v>
      </c>
      <c r="F108" s="91">
        <v>2</v>
      </c>
      <c r="G108" s="91">
        <v>2</v>
      </c>
      <c r="H108" s="91">
        <v>2</v>
      </c>
      <c r="I108" s="378" t="s">
        <v>192</v>
      </c>
      <c r="J108" s="123" t="s">
        <v>229</v>
      </c>
      <c r="K108" s="94" t="s">
        <v>229</v>
      </c>
      <c r="L108" s="132" t="s">
        <v>229</v>
      </c>
      <c r="M108" s="242">
        <v>375</v>
      </c>
      <c r="N108" s="96">
        <v>375</v>
      </c>
      <c r="O108" s="338">
        <v>0</v>
      </c>
      <c r="P108" s="236">
        <v>18750</v>
      </c>
      <c r="Q108" s="44"/>
    </row>
    <row r="109" spans="2:17" s="219" customFormat="1" ht="21" customHeight="1">
      <c r="B109" s="348"/>
      <c r="C109" s="373" t="s">
        <v>27</v>
      </c>
      <c r="D109" s="350"/>
      <c r="E109" s="124" t="s">
        <v>648</v>
      </c>
      <c r="F109" s="105">
        <v>1</v>
      </c>
      <c r="G109" s="91">
        <v>2</v>
      </c>
      <c r="H109" s="105">
        <v>1</v>
      </c>
      <c r="I109" s="105">
        <v>1</v>
      </c>
      <c r="J109" s="123" t="s">
        <v>229</v>
      </c>
      <c r="K109" s="94" t="s">
        <v>229</v>
      </c>
      <c r="L109" s="132" t="s">
        <v>229</v>
      </c>
      <c r="M109" s="242">
        <v>1539</v>
      </c>
      <c r="N109" s="243">
        <v>1539</v>
      </c>
      <c r="O109" s="338">
        <v>0</v>
      </c>
      <c r="P109" s="380">
        <v>76950</v>
      </c>
      <c r="Q109" s="44"/>
    </row>
    <row r="110" spans="2:17" s="219" customFormat="1" ht="21" customHeight="1">
      <c r="B110" s="348"/>
      <c r="C110" s="373" t="s">
        <v>28</v>
      </c>
      <c r="D110" s="350"/>
      <c r="E110" s="124"/>
      <c r="F110" s="378" t="s">
        <v>192</v>
      </c>
      <c r="G110" s="378" t="s">
        <v>192</v>
      </c>
      <c r="H110" s="378" t="s">
        <v>192</v>
      </c>
      <c r="I110" s="378" t="s">
        <v>192</v>
      </c>
      <c r="J110" s="378" t="s">
        <v>192</v>
      </c>
      <c r="K110" s="378" t="s">
        <v>192</v>
      </c>
      <c r="L110" s="378" t="s">
        <v>192</v>
      </c>
      <c r="M110" s="242">
        <v>397</v>
      </c>
      <c r="N110" s="96">
        <v>397</v>
      </c>
      <c r="O110" s="338">
        <v>0</v>
      </c>
      <c r="P110" s="295" t="s">
        <v>96</v>
      </c>
      <c r="Q110" s="44"/>
    </row>
    <row r="111" spans="2:17" s="219" customFormat="1" ht="21" customHeight="1">
      <c r="B111" s="348"/>
      <c r="C111" s="373" t="s">
        <v>29</v>
      </c>
      <c r="D111" s="350"/>
      <c r="E111" s="124"/>
      <c r="F111" s="378" t="s">
        <v>192</v>
      </c>
      <c r="G111" s="378" t="s">
        <v>192</v>
      </c>
      <c r="H111" s="378" t="s">
        <v>192</v>
      </c>
      <c r="I111" s="378" t="s">
        <v>192</v>
      </c>
      <c r="J111" s="378" t="s">
        <v>192</v>
      </c>
      <c r="K111" s="378" t="s">
        <v>192</v>
      </c>
      <c r="L111" s="378" t="s">
        <v>192</v>
      </c>
      <c r="M111" s="242">
        <v>194</v>
      </c>
      <c r="N111" s="103">
        <v>194</v>
      </c>
      <c r="O111" s="338">
        <v>0</v>
      </c>
      <c r="P111" s="295" t="s">
        <v>96</v>
      </c>
      <c r="Q111" s="44"/>
    </row>
    <row r="112" spans="2:17" s="219" customFormat="1" ht="17.25" customHeight="1">
      <c r="B112" s="348"/>
      <c r="C112" s="373" t="s">
        <v>30</v>
      </c>
      <c r="D112" s="350"/>
      <c r="E112" s="124"/>
      <c r="F112" s="378" t="s">
        <v>192</v>
      </c>
      <c r="G112" s="378" t="s">
        <v>192</v>
      </c>
      <c r="H112" s="378" t="s">
        <v>192</v>
      </c>
      <c r="I112" s="378" t="s">
        <v>192</v>
      </c>
      <c r="J112" s="378" t="s">
        <v>192</v>
      </c>
      <c r="K112" s="378" t="s">
        <v>192</v>
      </c>
      <c r="L112" s="378" t="s">
        <v>192</v>
      </c>
      <c r="M112" s="242">
        <v>761</v>
      </c>
      <c r="N112" s="96">
        <v>761</v>
      </c>
      <c r="O112" s="338">
        <v>0</v>
      </c>
      <c r="P112" s="295" t="s">
        <v>96</v>
      </c>
      <c r="Q112" s="44"/>
    </row>
    <row r="113" spans="1:19" s="219" customFormat="1" ht="17.25" customHeight="1">
      <c r="B113" s="348"/>
      <c r="C113" s="373" t="s">
        <v>31</v>
      </c>
      <c r="D113" s="350"/>
      <c r="E113" s="124"/>
      <c r="F113" s="378" t="s">
        <v>192</v>
      </c>
      <c r="G113" s="378" t="s">
        <v>192</v>
      </c>
      <c r="H113" s="378" t="s">
        <v>192</v>
      </c>
      <c r="I113" s="378" t="s">
        <v>192</v>
      </c>
      <c r="J113" s="378" t="s">
        <v>192</v>
      </c>
      <c r="K113" s="378" t="s">
        <v>192</v>
      </c>
      <c r="L113" s="378" t="s">
        <v>192</v>
      </c>
      <c r="M113" s="242">
        <v>595</v>
      </c>
      <c r="N113" s="96">
        <v>595</v>
      </c>
      <c r="O113" s="338">
        <v>0</v>
      </c>
      <c r="P113" s="295" t="s">
        <v>96</v>
      </c>
      <c r="Q113" s="44"/>
    </row>
    <row r="114" spans="1:19" s="219" customFormat="1" ht="17.25" customHeight="1">
      <c r="B114" s="357"/>
      <c r="C114" s="373" t="s">
        <v>32</v>
      </c>
      <c r="D114" s="358"/>
      <c r="E114" s="124"/>
      <c r="F114" s="378" t="s">
        <v>192</v>
      </c>
      <c r="G114" s="378" t="s">
        <v>192</v>
      </c>
      <c r="H114" s="378" t="s">
        <v>192</v>
      </c>
      <c r="I114" s="378" t="s">
        <v>192</v>
      </c>
      <c r="J114" s="378" t="s">
        <v>192</v>
      </c>
      <c r="K114" s="378" t="s">
        <v>192</v>
      </c>
      <c r="L114" s="378" t="s">
        <v>192</v>
      </c>
      <c r="M114" s="242">
        <v>355</v>
      </c>
      <c r="N114" s="103">
        <v>355</v>
      </c>
      <c r="O114" s="338">
        <v>0</v>
      </c>
      <c r="P114" s="295" t="s">
        <v>96</v>
      </c>
      <c r="Q114" s="44"/>
    </row>
    <row r="115" spans="1:19" s="219" customFormat="1" ht="15.75" customHeight="1">
      <c r="B115" s="357" t="s">
        <v>206</v>
      </c>
      <c r="C115" s="373"/>
      <c r="D115" s="358"/>
      <c r="E115" s="124" t="s">
        <v>648</v>
      </c>
      <c r="F115" s="92">
        <v>2</v>
      </c>
      <c r="G115" s="91">
        <v>2</v>
      </c>
      <c r="H115" s="92">
        <v>2</v>
      </c>
      <c r="I115" s="378" t="s">
        <v>192</v>
      </c>
      <c r="J115" s="123" t="s">
        <v>229</v>
      </c>
      <c r="K115" s="94" t="s">
        <v>229</v>
      </c>
      <c r="L115" s="132" t="s">
        <v>229</v>
      </c>
      <c r="M115" s="337">
        <v>0</v>
      </c>
      <c r="N115" s="338">
        <v>0</v>
      </c>
      <c r="O115" s="338">
        <v>0</v>
      </c>
      <c r="P115" s="295" t="s">
        <v>96</v>
      </c>
      <c r="Q115" s="44"/>
    </row>
    <row r="116" spans="1:19" s="140" customFormat="1" ht="3.75" customHeight="1">
      <c r="A116" s="141"/>
      <c r="B116" s="359"/>
      <c r="C116" s="377"/>
      <c r="D116" s="168"/>
      <c r="E116" s="381"/>
      <c r="F116" s="171"/>
      <c r="G116" s="170"/>
      <c r="H116" s="171"/>
      <c r="I116" s="170"/>
      <c r="J116" s="171"/>
      <c r="K116" s="170"/>
      <c r="L116" s="361"/>
      <c r="M116" s="173"/>
      <c r="N116" s="376"/>
      <c r="O116" s="175"/>
      <c r="P116" s="382"/>
      <c r="Q116" s="44"/>
      <c r="R116" s="219"/>
      <c r="S116" s="219"/>
    </row>
    <row r="117" spans="1:19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1:19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1:19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1:19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1:19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1:19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1:19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1:19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1:19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1:19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1:19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1:19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  <row r="150" spans="5:16">
      <c r="E150" s="221"/>
      <c r="F150" s="221"/>
      <c r="G150" s="221"/>
      <c r="H150" s="221"/>
      <c r="I150" s="221"/>
      <c r="J150" s="221"/>
      <c r="K150" s="221"/>
      <c r="L150" s="221"/>
      <c r="M150" s="149"/>
      <c r="N150" s="149"/>
      <c r="O150" s="149"/>
      <c r="P150" s="221"/>
    </row>
  </sheetData>
  <mergeCells count="59">
    <mergeCell ref="H67:H68"/>
    <mergeCell ref="A4:P4"/>
    <mergeCell ref="B6:C7"/>
    <mergeCell ref="F6:F7"/>
    <mergeCell ref="G6:I6"/>
    <mergeCell ref="J6:L6"/>
    <mergeCell ref="M6:O6"/>
    <mergeCell ref="B9:C9"/>
    <mergeCell ref="B67:B68"/>
    <mergeCell ref="C67:C68"/>
    <mergeCell ref="E67:E68"/>
    <mergeCell ref="F67:F68"/>
    <mergeCell ref="O67:O68"/>
    <mergeCell ref="P67:P68"/>
    <mergeCell ref="M67:M68"/>
    <mergeCell ref="N67:N68"/>
    <mergeCell ref="C82:C83"/>
    <mergeCell ref="E82:E83"/>
    <mergeCell ref="F82:F83"/>
    <mergeCell ref="H82:H83"/>
    <mergeCell ref="I82:I83"/>
    <mergeCell ref="K82:K83"/>
    <mergeCell ref="L82:L83"/>
    <mergeCell ref="I67:I68"/>
    <mergeCell ref="J67:J68"/>
    <mergeCell ref="K67:K68"/>
    <mergeCell ref="L67:L68"/>
    <mergeCell ref="M82:M83"/>
    <mergeCell ref="N82:N83"/>
    <mergeCell ref="O82:O83"/>
    <mergeCell ref="P82:P83"/>
    <mergeCell ref="B89:B90"/>
    <mergeCell ref="C89:C90"/>
    <mergeCell ref="E89:E90"/>
    <mergeCell ref="F89:F90"/>
    <mergeCell ref="H89:H90"/>
    <mergeCell ref="I89:I90"/>
    <mergeCell ref="K89:K90"/>
    <mergeCell ref="L89:L90"/>
    <mergeCell ref="M89:M90"/>
    <mergeCell ref="N89:N90"/>
    <mergeCell ref="O89:O90"/>
    <mergeCell ref="J82:J83"/>
    <mergeCell ref="M103:M104"/>
    <mergeCell ref="N103:N104"/>
    <mergeCell ref="O103:O104"/>
    <mergeCell ref="P103:P104"/>
    <mergeCell ref="A1:D1"/>
    <mergeCell ref="P89:P90"/>
    <mergeCell ref="B103:B104"/>
    <mergeCell ref="C103:C104"/>
    <mergeCell ref="E103:E104"/>
    <mergeCell ref="F103:F104"/>
    <mergeCell ref="H103:H104"/>
    <mergeCell ref="I103:I104"/>
    <mergeCell ref="J103:J104"/>
    <mergeCell ref="K103:K104"/>
    <mergeCell ref="L103:L104"/>
    <mergeCell ref="J89:J90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1" fitToHeight="0" orientation="portrait" r:id="rId1"/>
  <headerFooter alignWithMargins="0"/>
  <rowBreaks count="2" manualBreakCount="2">
    <brk id="46" max="15" man="1"/>
    <brk id="85" max="15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41"/>
  <sheetViews>
    <sheetView zoomScaleNormal="100" zoomScaleSheetLayoutView="115" workbookViewId="0">
      <pane ySplit="8" topLeftCell="A42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5" width="9.83203125" style="45" customWidth="1"/>
    <col min="16" max="16" width="10.6640625" style="44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649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31"/>
      <c r="N7" s="62" t="s">
        <v>91</v>
      </c>
      <c r="O7" s="63" t="s">
        <v>52</v>
      </c>
      <c r="P7" s="214" t="s">
        <v>489</v>
      </c>
    </row>
    <row r="8" spans="1:22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19.899999999999999" customHeight="1">
      <c r="B9" s="455" t="s">
        <v>92</v>
      </c>
      <c r="C9" s="466"/>
      <c r="D9" s="356"/>
      <c r="E9" s="28"/>
      <c r="F9" s="152">
        <v>72959</v>
      </c>
      <c r="G9" s="152">
        <v>158999</v>
      </c>
      <c r="H9" s="152">
        <v>74810</v>
      </c>
      <c r="I9" s="81">
        <v>84189</v>
      </c>
      <c r="J9" s="346">
        <v>20711</v>
      </c>
      <c r="K9" s="83">
        <v>103258</v>
      </c>
      <c r="L9" s="287">
        <v>34209</v>
      </c>
      <c r="M9" s="347">
        <v>140039</v>
      </c>
      <c r="N9" s="85">
        <v>44548</v>
      </c>
      <c r="O9" s="85">
        <v>23428</v>
      </c>
      <c r="P9" s="86">
        <v>88.5</v>
      </c>
    </row>
    <row r="10" spans="1:22" s="219" customFormat="1" ht="4.5" customHeight="1">
      <c r="B10" s="348"/>
      <c r="C10" s="373"/>
      <c r="D10" s="350"/>
      <c r="E10" s="32"/>
      <c r="F10" s="91"/>
      <c r="G10" s="91"/>
      <c r="H10" s="91"/>
      <c r="I10" s="105"/>
      <c r="J10" s="123"/>
      <c r="K10" s="94"/>
      <c r="L10" s="132"/>
      <c r="M10" s="351"/>
      <c r="N10" s="96"/>
      <c r="O10" s="96"/>
      <c r="P10" s="106"/>
    </row>
    <row r="11" spans="1:22" s="219" customFormat="1" ht="20.25" customHeight="1">
      <c r="B11" s="348" t="s">
        <v>650</v>
      </c>
      <c r="C11" s="373" t="s">
        <v>26</v>
      </c>
      <c r="D11" s="350"/>
      <c r="E11" s="32"/>
      <c r="F11" s="91">
        <v>1212</v>
      </c>
      <c r="G11" s="91">
        <v>2989</v>
      </c>
      <c r="H11" s="91">
        <v>1404</v>
      </c>
      <c r="I11" s="105">
        <v>1585</v>
      </c>
      <c r="J11" s="123">
        <v>393</v>
      </c>
      <c r="K11" s="94">
        <v>1916</v>
      </c>
      <c r="L11" s="132">
        <v>680</v>
      </c>
      <c r="M11" s="351">
        <v>2524</v>
      </c>
      <c r="N11" s="96">
        <v>1261</v>
      </c>
      <c r="O11" s="277">
        <v>0</v>
      </c>
      <c r="P11" s="106">
        <v>84.4</v>
      </c>
      <c r="T11" s="218"/>
      <c r="U11" s="218"/>
      <c r="V11" s="218"/>
    </row>
    <row r="12" spans="1:22" s="219" customFormat="1" ht="20.25" customHeight="1">
      <c r="B12" s="348"/>
      <c r="C12" s="373" t="s">
        <v>27</v>
      </c>
      <c r="D12" s="350"/>
      <c r="E12" s="32"/>
      <c r="F12" s="91">
        <v>1592</v>
      </c>
      <c r="G12" s="91">
        <v>3609</v>
      </c>
      <c r="H12" s="91">
        <v>1626</v>
      </c>
      <c r="I12" s="105">
        <v>1983</v>
      </c>
      <c r="J12" s="123">
        <v>605</v>
      </c>
      <c r="K12" s="94">
        <v>2287</v>
      </c>
      <c r="L12" s="132">
        <v>717</v>
      </c>
      <c r="M12" s="351">
        <v>2212</v>
      </c>
      <c r="N12" s="96">
        <v>661</v>
      </c>
      <c r="O12" s="277">
        <v>0</v>
      </c>
      <c r="P12" s="106">
        <v>61.3</v>
      </c>
      <c r="T12" s="218"/>
      <c r="U12" s="218"/>
      <c r="V12" s="218"/>
    </row>
    <row r="13" spans="1:22" s="219" customFormat="1" ht="20.25" customHeight="1">
      <c r="B13" s="348"/>
      <c r="C13" s="373" t="s">
        <v>28</v>
      </c>
      <c r="D13" s="350"/>
      <c r="E13" s="32"/>
      <c r="F13" s="91">
        <v>674</v>
      </c>
      <c r="G13" s="91">
        <v>2220</v>
      </c>
      <c r="H13" s="91">
        <v>999</v>
      </c>
      <c r="I13" s="105">
        <v>1221</v>
      </c>
      <c r="J13" s="123">
        <v>265</v>
      </c>
      <c r="K13" s="94">
        <v>1098</v>
      </c>
      <c r="L13" s="132">
        <v>857</v>
      </c>
      <c r="M13" s="351">
        <v>3059</v>
      </c>
      <c r="N13" s="96">
        <v>1218</v>
      </c>
      <c r="O13" s="96">
        <v>669</v>
      </c>
      <c r="P13" s="106">
        <v>137.80000000000001</v>
      </c>
      <c r="T13" s="218"/>
      <c r="U13" s="218"/>
      <c r="V13" s="218"/>
    </row>
    <row r="14" spans="1:22" s="219" customFormat="1" ht="20.25" customHeight="1">
      <c r="B14" s="348"/>
      <c r="C14" s="373" t="s">
        <v>29</v>
      </c>
      <c r="D14" s="350"/>
      <c r="E14" s="32"/>
      <c r="F14" s="91">
        <v>1019</v>
      </c>
      <c r="G14" s="91">
        <v>2231</v>
      </c>
      <c r="H14" s="91">
        <v>1047</v>
      </c>
      <c r="I14" s="105">
        <v>1184</v>
      </c>
      <c r="J14" s="123">
        <v>340</v>
      </c>
      <c r="K14" s="94">
        <v>1298</v>
      </c>
      <c r="L14" s="132">
        <v>593</v>
      </c>
      <c r="M14" s="351">
        <v>1590</v>
      </c>
      <c r="N14" s="96">
        <v>471</v>
      </c>
      <c r="O14" s="277">
        <v>0</v>
      </c>
      <c r="P14" s="106">
        <v>71.3</v>
      </c>
      <c r="T14" s="218"/>
      <c r="U14" s="218"/>
      <c r="V14" s="218"/>
    </row>
    <row r="15" spans="1:22" s="219" customFormat="1" ht="20.25" customHeight="1">
      <c r="B15" s="348" t="s">
        <v>651</v>
      </c>
      <c r="C15" s="373" t="s">
        <v>26</v>
      </c>
      <c r="D15" s="350"/>
      <c r="E15" s="32"/>
      <c r="F15" s="91">
        <v>325</v>
      </c>
      <c r="G15" s="91">
        <v>636</v>
      </c>
      <c r="H15" s="91">
        <v>296</v>
      </c>
      <c r="I15" s="105">
        <v>340</v>
      </c>
      <c r="J15" s="123">
        <v>99</v>
      </c>
      <c r="K15" s="94">
        <v>428</v>
      </c>
      <c r="L15" s="132">
        <v>97</v>
      </c>
      <c r="M15" s="351">
        <v>877</v>
      </c>
      <c r="N15" s="96">
        <v>118</v>
      </c>
      <c r="O15" s="96">
        <v>436</v>
      </c>
      <c r="P15" s="106">
        <v>140.5</v>
      </c>
      <c r="T15" s="218"/>
      <c r="U15" s="218"/>
      <c r="V15" s="218"/>
    </row>
    <row r="16" spans="1:22" s="219" customFormat="1" ht="20.25" customHeight="1">
      <c r="B16" s="348"/>
      <c r="C16" s="373" t="s">
        <v>27</v>
      </c>
      <c r="D16" s="350"/>
      <c r="E16" s="32"/>
      <c r="F16" s="91">
        <v>688</v>
      </c>
      <c r="G16" s="91">
        <v>1468</v>
      </c>
      <c r="H16" s="91">
        <v>739</v>
      </c>
      <c r="I16" s="105">
        <v>729</v>
      </c>
      <c r="J16" s="123">
        <v>248</v>
      </c>
      <c r="K16" s="94">
        <v>989</v>
      </c>
      <c r="L16" s="132">
        <v>228</v>
      </c>
      <c r="M16" s="351">
        <v>1005</v>
      </c>
      <c r="N16" s="96">
        <v>329</v>
      </c>
      <c r="O16" s="277">
        <v>0</v>
      </c>
      <c r="P16" s="106">
        <v>68.599999999999994</v>
      </c>
      <c r="T16" s="218"/>
      <c r="U16" s="218"/>
      <c r="V16" s="218"/>
    </row>
    <row r="17" spans="2:22" s="219" customFormat="1" ht="20.25" customHeight="1">
      <c r="B17" s="348" t="s">
        <v>652</v>
      </c>
      <c r="C17" s="373" t="s">
        <v>26</v>
      </c>
      <c r="D17" s="350"/>
      <c r="E17" s="32"/>
      <c r="F17" s="91">
        <v>492</v>
      </c>
      <c r="G17" s="91">
        <v>1171</v>
      </c>
      <c r="H17" s="91">
        <v>563</v>
      </c>
      <c r="I17" s="105">
        <v>608</v>
      </c>
      <c r="J17" s="123">
        <v>188</v>
      </c>
      <c r="K17" s="94">
        <v>771</v>
      </c>
      <c r="L17" s="132">
        <v>205</v>
      </c>
      <c r="M17" s="351">
        <v>1066</v>
      </c>
      <c r="N17" s="96">
        <v>574</v>
      </c>
      <c r="O17" s="277">
        <v>0</v>
      </c>
      <c r="P17" s="106">
        <v>91.6</v>
      </c>
      <c r="T17" s="218"/>
      <c r="U17" s="218"/>
      <c r="V17" s="218"/>
    </row>
    <row r="18" spans="2:22" s="219" customFormat="1" ht="20.25" customHeight="1">
      <c r="B18" s="348" t="s">
        <v>123</v>
      </c>
      <c r="C18" s="373" t="s">
        <v>27</v>
      </c>
      <c r="D18" s="350"/>
      <c r="E18" s="32"/>
      <c r="F18" s="91">
        <v>340</v>
      </c>
      <c r="G18" s="91">
        <v>745</v>
      </c>
      <c r="H18" s="91">
        <v>345</v>
      </c>
      <c r="I18" s="105">
        <v>400</v>
      </c>
      <c r="J18" s="123">
        <v>129</v>
      </c>
      <c r="K18" s="94">
        <v>483</v>
      </c>
      <c r="L18" s="132">
        <v>133</v>
      </c>
      <c r="M18" s="351">
        <v>635</v>
      </c>
      <c r="N18" s="96">
        <v>305</v>
      </c>
      <c r="O18" s="277">
        <v>0</v>
      </c>
      <c r="P18" s="106">
        <v>85.2</v>
      </c>
      <c r="T18" s="218"/>
      <c r="U18" s="218"/>
      <c r="V18" s="218"/>
    </row>
    <row r="19" spans="2:22" s="219" customFormat="1" ht="20.25" customHeight="1">
      <c r="B19" s="348" t="s">
        <v>653</v>
      </c>
      <c r="C19" s="373" t="s">
        <v>26</v>
      </c>
      <c r="D19" s="350"/>
      <c r="E19" s="32"/>
      <c r="F19" s="91">
        <v>613</v>
      </c>
      <c r="G19" s="91">
        <v>1287</v>
      </c>
      <c r="H19" s="91">
        <v>620</v>
      </c>
      <c r="I19" s="105">
        <v>667</v>
      </c>
      <c r="J19" s="123">
        <v>164</v>
      </c>
      <c r="K19" s="94">
        <v>841</v>
      </c>
      <c r="L19" s="132">
        <v>282</v>
      </c>
      <c r="M19" s="351">
        <v>875</v>
      </c>
      <c r="N19" s="96">
        <v>306</v>
      </c>
      <c r="O19" s="277">
        <v>0</v>
      </c>
      <c r="P19" s="106">
        <v>68</v>
      </c>
      <c r="T19" s="218"/>
      <c r="U19" s="218"/>
      <c r="V19" s="218"/>
    </row>
    <row r="20" spans="2:22" s="219" customFormat="1" ht="20.25" customHeight="1">
      <c r="B20" s="348"/>
      <c r="C20" s="373" t="s">
        <v>27</v>
      </c>
      <c r="D20" s="350"/>
      <c r="E20" s="32"/>
      <c r="F20" s="91">
        <v>608</v>
      </c>
      <c r="G20" s="91">
        <v>1138</v>
      </c>
      <c r="H20" s="91">
        <v>550</v>
      </c>
      <c r="I20" s="105">
        <v>588</v>
      </c>
      <c r="J20" s="123">
        <v>108</v>
      </c>
      <c r="K20" s="94">
        <v>718</v>
      </c>
      <c r="L20" s="132">
        <v>312</v>
      </c>
      <c r="M20" s="351">
        <v>612</v>
      </c>
      <c r="N20" s="96">
        <v>98</v>
      </c>
      <c r="O20" s="277">
        <v>0</v>
      </c>
      <c r="P20" s="106">
        <v>53.8</v>
      </c>
      <c r="T20" s="218"/>
      <c r="U20" s="218"/>
      <c r="V20" s="218"/>
    </row>
    <row r="21" spans="2:22" s="219" customFormat="1" ht="20.25" customHeight="1">
      <c r="B21" s="348" t="s">
        <v>654</v>
      </c>
      <c r="C21" s="373" t="s">
        <v>26</v>
      </c>
      <c r="D21" s="350"/>
      <c r="E21" s="32"/>
      <c r="F21" s="91">
        <v>463</v>
      </c>
      <c r="G21" s="91">
        <v>1009</v>
      </c>
      <c r="H21" s="91">
        <v>487</v>
      </c>
      <c r="I21" s="105">
        <v>522</v>
      </c>
      <c r="J21" s="123">
        <v>103</v>
      </c>
      <c r="K21" s="94">
        <v>640</v>
      </c>
      <c r="L21" s="132">
        <v>261</v>
      </c>
      <c r="M21" s="351">
        <v>614</v>
      </c>
      <c r="N21" s="96">
        <v>202</v>
      </c>
      <c r="O21" s="277">
        <v>0</v>
      </c>
      <c r="P21" s="106">
        <v>61.2</v>
      </c>
      <c r="T21" s="218"/>
      <c r="U21" s="218"/>
      <c r="V21" s="218"/>
    </row>
    <row r="22" spans="2:22" s="219" customFormat="1" ht="20.25" customHeight="1">
      <c r="B22" s="348" t="s">
        <v>0</v>
      </c>
      <c r="C22" s="373" t="s">
        <v>27</v>
      </c>
      <c r="D22" s="350"/>
      <c r="E22" s="32"/>
      <c r="F22" s="91">
        <v>523</v>
      </c>
      <c r="G22" s="91">
        <v>1152</v>
      </c>
      <c r="H22" s="91">
        <v>529</v>
      </c>
      <c r="I22" s="105">
        <v>623</v>
      </c>
      <c r="J22" s="123">
        <v>128</v>
      </c>
      <c r="K22" s="94">
        <v>767</v>
      </c>
      <c r="L22" s="132">
        <v>255</v>
      </c>
      <c r="M22" s="351">
        <v>2004</v>
      </c>
      <c r="N22" s="96">
        <v>277</v>
      </c>
      <c r="O22" s="96">
        <v>1237</v>
      </c>
      <c r="P22" s="106">
        <v>174.3</v>
      </c>
      <c r="T22" s="218"/>
      <c r="U22" s="218"/>
      <c r="V22" s="218"/>
    </row>
    <row r="23" spans="2:22" s="219" customFormat="1" ht="20.25" customHeight="1">
      <c r="B23" s="348"/>
      <c r="C23" s="373" t="s">
        <v>28</v>
      </c>
      <c r="D23" s="350"/>
      <c r="E23" s="32"/>
      <c r="F23" s="91">
        <v>661</v>
      </c>
      <c r="G23" s="91">
        <v>1796</v>
      </c>
      <c r="H23" s="91">
        <v>873</v>
      </c>
      <c r="I23" s="105">
        <v>923</v>
      </c>
      <c r="J23" s="123">
        <v>259</v>
      </c>
      <c r="K23" s="94">
        <v>1092</v>
      </c>
      <c r="L23" s="132">
        <v>445</v>
      </c>
      <c r="M23" s="351">
        <v>853</v>
      </c>
      <c r="N23" s="96">
        <v>96</v>
      </c>
      <c r="O23" s="277">
        <v>0</v>
      </c>
      <c r="P23" s="106">
        <v>47.5</v>
      </c>
      <c r="T23" s="218"/>
      <c r="U23" s="218"/>
      <c r="V23" s="218"/>
    </row>
    <row r="24" spans="2:22" s="219" customFormat="1" ht="20.25" customHeight="1">
      <c r="B24" s="348"/>
      <c r="C24" s="373" t="s">
        <v>29</v>
      </c>
      <c r="D24" s="350"/>
      <c r="E24" s="32"/>
      <c r="F24" s="91">
        <v>685</v>
      </c>
      <c r="G24" s="91">
        <v>1616</v>
      </c>
      <c r="H24" s="91">
        <v>765</v>
      </c>
      <c r="I24" s="105">
        <v>851</v>
      </c>
      <c r="J24" s="123">
        <v>222</v>
      </c>
      <c r="K24" s="94">
        <v>1001</v>
      </c>
      <c r="L24" s="132">
        <v>393</v>
      </c>
      <c r="M24" s="351">
        <v>1575</v>
      </c>
      <c r="N24" s="96">
        <v>390</v>
      </c>
      <c r="O24" s="96">
        <v>476</v>
      </c>
      <c r="P24" s="106">
        <v>97.5</v>
      </c>
      <c r="T24" s="218"/>
      <c r="U24" s="218"/>
      <c r="V24" s="218"/>
    </row>
    <row r="25" spans="2:22" s="219" customFormat="1" ht="20.25" customHeight="1">
      <c r="B25" s="348" t="s">
        <v>655</v>
      </c>
      <c r="C25" s="373" t="s">
        <v>26</v>
      </c>
      <c r="D25" s="350"/>
      <c r="E25" s="32"/>
      <c r="F25" s="91">
        <v>730</v>
      </c>
      <c r="G25" s="91">
        <v>1776</v>
      </c>
      <c r="H25" s="91">
        <v>858</v>
      </c>
      <c r="I25" s="105">
        <v>918</v>
      </c>
      <c r="J25" s="123">
        <v>277</v>
      </c>
      <c r="K25" s="94">
        <v>1173</v>
      </c>
      <c r="L25" s="132">
        <v>326</v>
      </c>
      <c r="M25" s="351">
        <v>1075</v>
      </c>
      <c r="N25" s="96">
        <v>314</v>
      </c>
      <c r="O25" s="277">
        <v>0</v>
      </c>
      <c r="P25" s="106">
        <v>60.5</v>
      </c>
      <c r="T25" s="218"/>
      <c r="U25" s="218"/>
      <c r="V25" s="218"/>
    </row>
    <row r="26" spans="2:22" s="219" customFormat="1" ht="20.25" customHeight="1">
      <c r="B26" s="348" t="s">
        <v>123</v>
      </c>
      <c r="C26" s="373" t="s">
        <v>27</v>
      </c>
      <c r="D26" s="350"/>
      <c r="E26" s="32"/>
      <c r="F26" s="91">
        <v>627</v>
      </c>
      <c r="G26" s="91">
        <v>1333</v>
      </c>
      <c r="H26" s="91">
        <v>611</v>
      </c>
      <c r="I26" s="105">
        <v>722</v>
      </c>
      <c r="J26" s="123">
        <v>137</v>
      </c>
      <c r="K26" s="94">
        <v>863</v>
      </c>
      <c r="L26" s="132">
        <v>331</v>
      </c>
      <c r="M26" s="351">
        <v>674</v>
      </c>
      <c r="N26" s="96">
        <v>88</v>
      </c>
      <c r="O26" s="277">
        <v>0</v>
      </c>
      <c r="P26" s="106">
        <v>50.6</v>
      </c>
      <c r="T26" s="218"/>
      <c r="U26" s="218"/>
      <c r="V26" s="218"/>
    </row>
    <row r="27" spans="2:22" s="219" customFormat="1" ht="20.25" customHeight="1">
      <c r="B27" s="348" t="s">
        <v>656</v>
      </c>
      <c r="C27" s="373"/>
      <c r="D27" s="350"/>
      <c r="E27" s="32"/>
      <c r="F27" s="91">
        <v>525</v>
      </c>
      <c r="G27" s="91">
        <v>1014</v>
      </c>
      <c r="H27" s="91">
        <v>467</v>
      </c>
      <c r="I27" s="105">
        <v>547</v>
      </c>
      <c r="J27" s="123">
        <v>126</v>
      </c>
      <c r="K27" s="94">
        <v>688</v>
      </c>
      <c r="L27" s="132">
        <v>196</v>
      </c>
      <c r="M27" s="351">
        <v>1089</v>
      </c>
      <c r="N27" s="96">
        <v>645</v>
      </c>
      <c r="O27" s="277">
        <v>0</v>
      </c>
      <c r="P27" s="106">
        <v>107.8</v>
      </c>
      <c r="T27" s="218"/>
      <c r="U27" s="218"/>
      <c r="V27" s="218"/>
    </row>
    <row r="28" spans="2:22" s="219" customFormat="1" ht="20.25" customHeight="1">
      <c r="B28" s="348" t="s">
        <v>657</v>
      </c>
      <c r="C28" s="373" t="s">
        <v>26</v>
      </c>
      <c r="D28" s="350"/>
      <c r="E28" s="32"/>
      <c r="F28" s="91">
        <v>529</v>
      </c>
      <c r="G28" s="91">
        <v>1234</v>
      </c>
      <c r="H28" s="91">
        <v>555</v>
      </c>
      <c r="I28" s="105">
        <v>679</v>
      </c>
      <c r="J28" s="123">
        <v>165</v>
      </c>
      <c r="K28" s="94">
        <v>813</v>
      </c>
      <c r="L28" s="132">
        <v>250</v>
      </c>
      <c r="M28" s="351">
        <v>765</v>
      </c>
      <c r="N28" s="96">
        <v>195</v>
      </c>
      <c r="O28" s="277">
        <v>0</v>
      </c>
      <c r="P28" s="106">
        <v>62.3</v>
      </c>
      <c r="T28" s="218"/>
      <c r="U28" s="218"/>
      <c r="V28" s="218"/>
    </row>
    <row r="29" spans="2:22" s="219" customFormat="1" ht="20.25" customHeight="1">
      <c r="B29" s="348"/>
      <c r="C29" s="373" t="s">
        <v>27</v>
      </c>
      <c r="D29" s="350"/>
      <c r="E29" s="32"/>
      <c r="F29" s="91">
        <v>600</v>
      </c>
      <c r="G29" s="91">
        <v>1374</v>
      </c>
      <c r="H29" s="91">
        <v>622</v>
      </c>
      <c r="I29" s="105">
        <v>752</v>
      </c>
      <c r="J29" s="123">
        <v>132</v>
      </c>
      <c r="K29" s="94">
        <v>851</v>
      </c>
      <c r="L29" s="132">
        <v>391</v>
      </c>
      <c r="M29" s="351">
        <v>1264</v>
      </c>
      <c r="N29" s="96">
        <v>297</v>
      </c>
      <c r="O29" s="96">
        <v>348</v>
      </c>
      <c r="P29" s="106">
        <v>92</v>
      </c>
      <c r="T29" s="218"/>
      <c r="U29" s="218"/>
      <c r="V29" s="218"/>
    </row>
    <row r="30" spans="2:22" s="219" customFormat="1" ht="20.25" customHeight="1">
      <c r="B30" s="348" t="s">
        <v>123</v>
      </c>
      <c r="C30" s="373" t="s">
        <v>28</v>
      </c>
      <c r="D30" s="350"/>
      <c r="E30" s="32"/>
      <c r="F30" s="91">
        <v>988</v>
      </c>
      <c r="G30" s="91">
        <v>2074</v>
      </c>
      <c r="H30" s="91">
        <v>965</v>
      </c>
      <c r="I30" s="105">
        <v>1109</v>
      </c>
      <c r="J30" s="123">
        <v>230</v>
      </c>
      <c r="K30" s="94">
        <v>1368</v>
      </c>
      <c r="L30" s="132">
        <v>474</v>
      </c>
      <c r="M30" s="351">
        <v>2044</v>
      </c>
      <c r="N30" s="96">
        <v>1128</v>
      </c>
      <c r="O30" s="277">
        <v>0</v>
      </c>
      <c r="P30" s="106">
        <v>98.6</v>
      </c>
      <c r="T30" s="218"/>
      <c r="U30" s="218"/>
      <c r="V30" s="218"/>
    </row>
    <row r="31" spans="2:22" s="219" customFormat="1" ht="20.25" customHeight="1">
      <c r="B31" s="348" t="s">
        <v>74</v>
      </c>
      <c r="C31" s="373" t="s">
        <v>26</v>
      </c>
      <c r="D31" s="350"/>
      <c r="E31" s="32"/>
      <c r="F31" s="91">
        <v>693</v>
      </c>
      <c r="G31" s="91">
        <v>1468</v>
      </c>
      <c r="H31" s="91">
        <v>685</v>
      </c>
      <c r="I31" s="105">
        <v>783</v>
      </c>
      <c r="J31" s="123">
        <v>132</v>
      </c>
      <c r="K31" s="94">
        <v>890</v>
      </c>
      <c r="L31" s="132">
        <v>422</v>
      </c>
      <c r="M31" s="351">
        <v>973</v>
      </c>
      <c r="N31" s="96">
        <v>302</v>
      </c>
      <c r="O31" s="277">
        <v>0</v>
      </c>
      <c r="P31" s="106">
        <v>67.400000000000006</v>
      </c>
      <c r="T31" s="218"/>
      <c r="U31" s="218"/>
      <c r="V31" s="218"/>
    </row>
    <row r="32" spans="2:22" s="219" customFormat="1" ht="20.25" customHeight="1">
      <c r="B32" s="348"/>
      <c r="C32" s="373" t="s">
        <v>27</v>
      </c>
      <c r="D32" s="350"/>
      <c r="E32" s="32"/>
      <c r="F32" s="91">
        <v>566</v>
      </c>
      <c r="G32" s="91">
        <v>1378</v>
      </c>
      <c r="H32" s="91">
        <v>647</v>
      </c>
      <c r="I32" s="105">
        <v>731</v>
      </c>
      <c r="J32" s="123">
        <v>191</v>
      </c>
      <c r="K32" s="94">
        <v>878</v>
      </c>
      <c r="L32" s="132">
        <v>309</v>
      </c>
      <c r="M32" s="351">
        <v>927</v>
      </c>
      <c r="N32" s="96">
        <v>340</v>
      </c>
      <c r="O32" s="277">
        <v>0</v>
      </c>
      <c r="P32" s="106">
        <v>67.3</v>
      </c>
      <c r="T32" s="218"/>
      <c r="U32" s="218"/>
      <c r="V32" s="218"/>
    </row>
    <row r="33" spans="1:22" s="219" customFormat="1" ht="20.25" customHeight="1">
      <c r="B33" s="348" t="s">
        <v>658</v>
      </c>
      <c r="C33" s="373" t="s">
        <v>26</v>
      </c>
      <c r="D33" s="350"/>
      <c r="E33" s="32"/>
      <c r="F33" s="91">
        <v>483</v>
      </c>
      <c r="G33" s="91">
        <v>1231</v>
      </c>
      <c r="H33" s="91">
        <v>557</v>
      </c>
      <c r="I33" s="105">
        <v>674</v>
      </c>
      <c r="J33" s="123">
        <v>185</v>
      </c>
      <c r="K33" s="94">
        <v>786</v>
      </c>
      <c r="L33" s="132">
        <v>260</v>
      </c>
      <c r="M33" s="351">
        <v>606</v>
      </c>
      <c r="N33" s="96">
        <v>99</v>
      </c>
      <c r="O33" s="277">
        <v>0</v>
      </c>
      <c r="P33" s="236">
        <v>49.2</v>
      </c>
      <c r="T33" s="218"/>
      <c r="U33" s="218"/>
      <c r="V33" s="218"/>
    </row>
    <row r="34" spans="1:22" s="219" customFormat="1" ht="20.25" customHeight="1">
      <c r="B34" s="348" t="s">
        <v>123</v>
      </c>
      <c r="C34" s="373" t="s">
        <v>27</v>
      </c>
      <c r="D34" s="350"/>
      <c r="E34" s="32"/>
      <c r="F34" s="91">
        <v>205</v>
      </c>
      <c r="G34" s="91">
        <v>562</v>
      </c>
      <c r="H34" s="91">
        <v>258</v>
      </c>
      <c r="I34" s="105">
        <v>304</v>
      </c>
      <c r="J34" s="123">
        <v>67</v>
      </c>
      <c r="K34" s="94">
        <v>365</v>
      </c>
      <c r="L34" s="132">
        <v>130</v>
      </c>
      <c r="M34" s="351">
        <v>260</v>
      </c>
      <c r="N34" s="96">
        <v>55</v>
      </c>
      <c r="O34" s="277">
        <v>0</v>
      </c>
      <c r="P34" s="106">
        <v>46.3</v>
      </c>
      <c r="T34" s="218"/>
      <c r="U34" s="218"/>
      <c r="V34" s="218"/>
    </row>
    <row r="35" spans="1:22" s="219" customFormat="1" ht="20.25" customHeight="1">
      <c r="B35" s="348"/>
      <c r="C35" s="373" t="s">
        <v>28</v>
      </c>
      <c r="D35" s="350"/>
      <c r="E35" s="32"/>
      <c r="F35" s="91">
        <v>94</v>
      </c>
      <c r="G35" s="91">
        <v>250</v>
      </c>
      <c r="H35" s="91">
        <v>113</v>
      </c>
      <c r="I35" s="105">
        <v>137</v>
      </c>
      <c r="J35" s="123">
        <v>53</v>
      </c>
      <c r="K35" s="94">
        <v>159</v>
      </c>
      <c r="L35" s="132">
        <v>38</v>
      </c>
      <c r="M35" s="351">
        <v>460</v>
      </c>
      <c r="N35" s="103">
        <v>51</v>
      </c>
      <c r="O35" s="103">
        <v>311</v>
      </c>
      <c r="P35" s="236">
        <v>184</v>
      </c>
      <c r="T35" s="218"/>
      <c r="U35" s="218"/>
      <c r="V35" s="218"/>
    </row>
    <row r="36" spans="1:22" s="219" customFormat="1" ht="20.25" customHeight="1">
      <c r="B36" s="348"/>
      <c r="C36" s="373" t="s">
        <v>29</v>
      </c>
      <c r="D36" s="350"/>
      <c r="E36" s="32"/>
      <c r="F36" s="91">
        <v>448</v>
      </c>
      <c r="G36" s="91">
        <v>1081</v>
      </c>
      <c r="H36" s="91">
        <v>491</v>
      </c>
      <c r="I36" s="105">
        <v>590</v>
      </c>
      <c r="J36" s="123">
        <v>139</v>
      </c>
      <c r="K36" s="94">
        <v>676</v>
      </c>
      <c r="L36" s="132">
        <v>266</v>
      </c>
      <c r="M36" s="351">
        <v>1017</v>
      </c>
      <c r="N36" s="96">
        <v>95</v>
      </c>
      <c r="O36" s="103">
        <v>433</v>
      </c>
      <c r="P36" s="236">
        <v>94.1</v>
      </c>
      <c r="T36" s="218"/>
      <c r="U36" s="218"/>
      <c r="V36" s="218"/>
    </row>
    <row r="37" spans="1:22" s="219" customFormat="1" ht="20.25" customHeight="1">
      <c r="B37" s="348" t="s">
        <v>659</v>
      </c>
      <c r="C37" s="373" t="s">
        <v>26</v>
      </c>
      <c r="D37" s="350"/>
      <c r="E37" s="32"/>
      <c r="F37" s="91">
        <v>180</v>
      </c>
      <c r="G37" s="91">
        <v>435</v>
      </c>
      <c r="H37" s="91">
        <v>192</v>
      </c>
      <c r="I37" s="105">
        <v>243</v>
      </c>
      <c r="J37" s="123">
        <v>60</v>
      </c>
      <c r="K37" s="94">
        <v>275</v>
      </c>
      <c r="L37" s="132">
        <v>100</v>
      </c>
      <c r="M37" s="351">
        <v>279</v>
      </c>
      <c r="N37" s="96">
        <v>111</v>
      </c>
      <c r="O37" s="277">
        <v>0</v>
      </c>
      <c r="P37" s="106">
        <v>64.099999999999994</v>
      </c>
      <c r="T37" s="218"/>
      <c r="U37" s="218"/>
      <c r="V37" s="218"/>
    </row>
    <row r="38" spans="1:22" s="219" customFormat="1" ht="20.25" customHeight="1">
      <c r="B38" s="348"/>
      <c r="C38" s="373" t="s">
        <v>27</v>
      </c>
      <c r="D38" s="350"/>
      <c r="E38" s="32"/>
      <c r="F38" s="91">
        <v>224</v>
      </c>
      <c r="G38" s="91">
        <v>542</v>
      </c>
      <c r="H38" s="91">
        <v>234</v>
      </c>
      <c r="I38" s="105">
        <v>308</v>
      </c>
      <c r="J38" s="123">
        <v>74</v>
      </c>
      <c r="K38" s="94">
        <v>345</v>
      </c>
      <c r="L38" s="132">
        <v>121</v>
      </c>
      <c r="M38" s="351">
        <v>263</v>
      </c>
      <c r="N38" s="96">
        <v>37</v>
      </c>
      <c r="O38" s="277">
        <v>0</v>
      </c>
      <c r="P38" s="106">
        <v>48.7</v>
      </c>
      <c r="T38" s="218"/>
      <c r="U38" s="218"/>
      <c r="V38" s="218"/>
    </row>
    <row r="39" spans="1:22" s="219" customFormat="1" ht="20.25" customHeight="1">
      <c r="B39" s="348"/>
      <c r="C39" s="373" t="s">
        <v>28</v>
      </c>
      <c r="D39" s="350"/>
      <c r="E39" s="32"/>
      <c r="F39" s="91">
        <v>190</v>
      </c>
      <c r="G39" s="91">
        <v>444</v>
      </c>
      <c r="H39" s="91">
        <v>198</v>
      </c>
      <c r="I39" s="105">
        <v>246</v>
      </c>
      <c r="J39" s="123">
        <v>62</v>
      </c>
      <c r="K39" s="94">
        <v>290</v>
      </c>
      <c r="L39" s="132">
        <v>92</v>
      </c>
      <c r="M39" s="351">
        <v>2207</v>
      </c>
      <c r="N39" s="96">
        <v>344</v>
      </c>
      <c r="O39" s="96">
        <v>1702</v>
      </c>
      <c r="P39" s="106">
        <v>497.1</v>
      </c>
      <c r="T39" s="218"/>
      <c r="U39" s="218"/>
      <c r="V39" s="218"/>
    </row>
    <row r="40" spans="1:22" s="219" customFormat="1" ht="21" customHeight="1">
      <c r="B40" s="348"/>
      <c r="C40" s="373" t="s">
        <v>29</v>
      </c>
      <c r="D40" s="350"/>
      <c r="E40" s="32"/>
      <c r="F40" s="91">
        <v>185</v>
      </c>
      <c r="G40" s="91">
        <v>460</v>
      </c>
      <c r="H40" s="91">
        <v>211</v>
      </c>
      <c r="I40" s="105">
        <v>249</v>
      </c>
      <c r="J40" s="123">
        <v>61</v>
      </c>
      <c r="K40" s="94">
        <v>278</v>
      </c>
      <c r="L40" s="132">
        <v>121</v>
      </c>
      <c r="M40" s="351">
        <v>264</v>
      </c>
      <c r="N40" s="96">
        <v>80</v>
      </c>
      <c r="O40" s="277">
        <v>0</v>
      </c>
      <c r="P40" s="106">
        <v>57.4</v>
      </c>
      <c r="T40" s="218"/>
      <c r="U40" s="218"/>
      <c r="V40" s="218"/>
    </row>
    <row r="41" spans="1:22" s="219" customFormat="1" ht="21" customHeight="1">
      <c r="B41" s="348"/>
      <c r="C41" s="373" t="s">
        <v>30</v>
      </c>
      <c r="D41" s="350"/>
      <c r="E41" s="32"/>
      <c r="F41" s="91">
        <v>206</v>
      </c>
      <c r="G41" s="91">
        <v>474</v>
      </c>
      <c r="H41" s="91">
        <v>211</v>
      </c>
      <c r="I41" s="105">
        <v>263</v>
      </c>
      <c r="J41" s="123">
        <v>40</v>
      </c>
      <c r="K41" s="94">
        <v>307</v>
      </c>
      <c r="L41" s="132">
        <v>127</v>
      </c>
      <c r="M41" s="351">
        <v>284</v>
      </c>
      <c r="N41" s="96">
        <v>78</v>
      </c>
      <c r="O41" s="277">
        <v>0</v>
      </c>
      <c r="P41" s="106">
        <v>59.9</v>
      </c>
      <c r="T41" s="218"/>
      <c r="U41" s="218"/>
      <c r="V41" s="218"/>
    </row>
    <row r="42" spans="1:22" s="219" customFormat="1" ht="21" customHeight="1">
      <c r="B42" s="348" t="s">
        <v>660</v>
      </c>
      <c r="C42" s="373" t="s">
        <v>26</v>
      </c>
      <c r="D42" s="350"/>
      <c r="E42" s="32"/>
      <c r="F42" s="91">
        <v>193</v>
      </c>
      <c r="G42" s="91">
        <v>452</v>
      </c>
      <c r="H42" s="91">
        <v>191</v>
      </c>
      <c r="I42" s="105">
        <v>261</v>
      </c>
      <c r="J42" s="123">
        <v>47</v>
      </c>
      <c r="K42" s="94">
        <v>297</v>
      </c>
      <c r="L42" s="132">
        <v>108</v>
      </c>
      <c r="M42" s="351">
        <v>386</v>
      </c>
      <c r="N42" s="96">
        <v>206</v>
      </c>
      <c r="O42" s="277">
        <v>0</v>
      </c>
      <c r="P42" s="106">
        <v>85.4</v>
      </c>
      <c r="T42" s="218"/>
      <c r="U42" s="218"/>
      <c r="V42" s="218"/>
    </row>
    <row r="43" spans="1:22" s="219" customFormat="1" ht="21" customHeight="1">
      <c r="A43" s="227"/>
      <c r="B43" s="357"/>
      <c r="C43" s="373" t="s">
        <v>27</v>
      </c>
      <c r="D43" s="358"/>
      <c r="E43" s="32"/>
      <c r="F43" s="91">
        <v>118</v>
      </c>
      <c r="G43" s="91">
        <v>477</v>
      </c>
      <c r="H43" s="91">
        <v>146</v>
      </c>
      <c r="I43" s="105">
        <v>331</v>
      </c>
      <c r="J43" s="123">
        <v>27</v>
      </c>
      <c r="K43" s="94">
        <v>154</v>
      </c>
      <c r="L43" s="132">
        <v>296</v>
      </c>
      <c r="M43" s="351">
        <v>543</v>
      </c>
      <c r="N43" s="96">
        <v>209</v>
      </c>
      <c r="O43" s="96">
        <v>0</v>
      </c>
      <c r="P43" s="106">
        <v>113.8</v>
      </c>
      <c r="T43" s="218"/>
      <c r="U43" s="218"/>
      <c r="V43" s="218"/>
    </row>
    <row r="44" spans="1:22" s="219" customFormat="1" ht="18" customHeight="1">
      <c r="A44" s="220"/>
      <c r="B44" s="357" t="s">
        <v>123</v>
      </c>
      <c r="C44" s="373" t="s">
        <v>28</v>
      </c>
      <c r="D44" s="358"/>
      <c r="E44" s="32"/>
      <c r="F44" s="91">
        <v>199</v>
      </c>
      <c r="G44" s="91">
        <v>496</v>
      </c>
      <c r="H44" s="91">
        <v>228</v>
      </c>
      <c r="I44" s="105">
        <v>268</v>
      </c>
      <c r="J44" s="123">
        <v>61</v>
      </c>
      <c r="K44" s="94">
        <v>277</v>
      </c>
      <c r="L44" s="132">
        <v>152</v>
      </c>
      <c r="M44" s="351">
        <v>492</v>
      </c>
      <c r="N44" s="96">
        <v>280</v>
      </c>
      <c r="O44" s="277">
        <v>0</v>
      </c>
      <c r="P44" s="106">
        <v>100.4</v>
      </c>
      <c r="T44" s="218"/>
      <c r="U44" s="218"/>
      <c r="V44" s="218"/>
    </row>
    <row r="45" spans="1:22" s="219" customFormat="1" ht="19.899999999999999" customHeight="1">
      <c r="B45" s="357" t="s">
        <v>661</v>
      </c>
      <c r="C45" s="373" t="s">
        <v>29</v>
      </c>
      <c r="D45" s="358"/>
      <c r="E45" s="32"/>
      <c r="F45" s="91">
        <v>274</v>
      </c>
      <c r="G45" s="91">
        <v>849</v>
      </c>
      <c r="H45" s="91">
        <v>366</v>
      </c>
      <c r="I45" s="105">
        <v>483</v>
      </c>
      <c r="J45" s="123">
        <v>75</v>
      </c>
      <c r="K45" s="94">
        <v>411</v>
      </c>
      <c r="L45" s="132">
        <v>363</v>
      </c>
      <c r="M45" s="351">
        <v>627</v>
      </c>
      <c r="N45" s="96">
        <v>157</v>
      </c>
      <c r="O45" s="277">
        <v>0</v>
      </c>
      <c r="P45" s="106">
        <v>73.900000000000006</v>
      </c>
      <c r="Q45" s="44"/>
    </row>
    <row r="46" spans="1:22" s="219" customFormat="1" ht="19.899999999999999" customHeight="1">
      <c r="B46" s="352"/>
      <c r="C46" s="374" t="s">
        <v>30</v>
      </c>
      <c r="D46" s="354"/>
      <c r="E46" s="40"/>
      <c r="F46" s="115">
        <v>411</v>
      </c>
      <c r="G46" s="115">
        <v>818</v>
      </c>
      <c r="H46" s="115">
        <v>359</v>
      </c>
      <c r="I46" s="114">
        <v>459</v>
      </c>
      <c r="J46" s="127">
        <v>45</v>
      </c>
      <c r="K46" s="118">
        <v>489</v>
      </c>
      <c r="L46" s="276">
        <v>257</v>
      </c>
      <c r="M46" s="355">
        <v>793</v>
      </c>
      <c r="N46" s="120">
        <v>385</v>
      </c>
      <c r="O46" s="280">
        <v>0</v>
      </c>
      <c r="P46" s="122">
        <v>100.3</v>
      </c>
      <c r="Q46" s="44"/>
    </row>
    <row r="47" spans="1:22" s="219" customFormat="1" ht="19.899999999999999" customHeight="1">
      <c r="B47" s="348" t="s">
        <v>618</v>
      </c>
      <c r="C47" s="373" t="s">
        <v>27</v>
      </c>
      <c r="D47" s="350"/>
      <c r="E47" s="32"/>
      <c r="F47" s="91">
        <v>408</v>
      </c>
      <c r="G47" s="91">
        <v>895</v>
      </c>
      <c r="H47" s="91">
        <v>412</v>
      </c>
      <c r="I47" s="105">
        <v>483</v>
      </c>
      <c r="J47" s="123">
        <v>94</v>
      </c>
      <c r="K47" s="94">
        <v>575</v>
      </c>
      <c r="L47" s="132">
        <v>220</v>
      </c>
      <c r="M47" s="351">
        <v>566</v>
      </c>
      <c r="N47" s="96">
        <v>156</v>
      </c>
      <c r="O47" s="277">
        <v>0</v>
      </c>
      <c r="P47" s="106">
        <v>63.7</v>
      </c>
      <c r="Q47" s="44"/>
    </row>
    <row r="48" spans="1:22" s="219" customFormat="1" ht="19.899999999999999" customHeight="1">
      <c r="B48" s="348"/>
      <c r="C48" s="373" t="s">
        <v>28</v>
      </c>
      <c r="D48" s="350"/>
      <c r="E48" s="32"/>
      <c r="F48" s="91">
        <v>259</v>
      </c>
      <c r="G48" s="91">
        <v>586</v>
      </c>
      <c r="H48" s="91">
        <v>262</v>
      </c>
      <c r="I48" s="105">
        <v>324</v>
      </c>
      <c r="J48" s="123">
        <v>60</v>
      </c>
      <c r="K48" s="94">
        <v>352</v>
      </c>
      <c r="L48" s="132">
        <v>160</v>
      </c>
      <c r="M48" s="351">
        <v>623</v>
      </c>
      <c r="N48" s="96">
        <v>369</v>
      </c>
      <c r="O48" s="277">
        <v>0</v>
      </c>
      <c r="P48" s="106">
        <v>108.9</v>
      </c>
      <c r="Q48" s="44"/>
    </row>
    <row r="49" spans="2:17" s="219" customFormat="1" ht="19.899999999999999" customHeight="1">
      <c r="B49" s="348"/>
      <c r="C49" s="373" t="s">
        <v>29</v>
      </c>
      <c r="D49" s="350"/>
      <c r="E49" s="32"/>
      <c r="F49" s="91">
        <v>445</v>
      </c>
      <c r="G49" s="91">
        <v>1084</v>
      </c>
      <c r="H49" s="91">
        <v>500</v>
      </c>
      <c r="I49" s="105">
        <v>584</v>
      </c>
      <c r="J49" s="123">
        <v>142</v>
      </c>
      <c r="K49" s="94">
        <v>617</v>
      </c>
      <c r="L49" s="132">
        <v>324</v>
      </c>
      <c r="M49" s="351">
        <v>757</v>
      </c>
      <c r="N49" s="96">
        <v>269</v>
      </c>
      <c r="O49" s="277">
        <v>0</v>
      </c>
      <c r="P49" s="106">
        <v>69.900000000000006</v>
      </c>
      <c r="Q49" s="44"/>
    </row>
    <row r="50" spans="2:17" s="219" customFormat="1" ht="19.899999999999999" customHeight="1">
      <c r="B50" s="348"/>
      <c r="C50" s="373" t="s">
        <v>30</v>
      </c>
      <c r="D50" s="350"/>
      <c r="E50" s="32"/>
      <c r="F50" s="91">
        <v>452</v>
      </c>
      <c r="G50" s="91">
        <v>1136</v>
      </c>
      <c r="H50" s="91">
        <v>499</v>
      </c>
      <c r="I50" s="105">
        <v>637</v>
      </c>
      <c r="J50" s="123">
        <v>114</v>
      </c>
      <c r="K50" s="94">
        <v>647</v>
      </c>
      <c r="L50" s="132">
        <v>370</v>
      </c>
      <c r="M50" s="351">
        <v>797</v>
      </c>
      <c r="N50" s="96">
        <v>264</v>
      </c>
      <c r="O50" s="277">
        <v>0</v>
      </c>
      <c r="P50" s="106">
        <v>70.5</v>
      </c>
      <c r="Q50" s="44"/>
    </row>
    <row r="51" spans="2:17" s="219" customFormat="1" ht="19.899999999999999" customHeight="1">
      <c r="B51" s="348"/>
      <c r="C51" s="373" t="s">
        <v>31</v>
      </c>
      <c r="D51" s="350"/>
      <c r="E51" s="32"/>
      <c r="F51" s="91">
        <v>866</v>
      </c>
      <c r="G51" s="91">
        <v>2060</v>
      </c>
      <c r="H51" s="91">
        <v>986</v>
      </c>
      <c r="I51" s="105">
        <v>1074</v>
      </c>
      <c r="J51" s="123">
        <v>344</v>
      </c>
      <c r="K51" s="94">
        <v>1307</v>
      </c>
      <c r="L51" s="132">
        <v>396</v>
      </c>
      <c r="M51" s="351">
        <v>1392</v>
      </c>
      <c r="N51" s="96">
        <v>569</v>
      </c>
      <c r="O51" s="277">
        <v>0</v>
      </c>
      <c r="P51" s="106">
        <v>68</v>
      </c>
      <c r="Q51" s="44"/>
    </row>
    <row r="52" spans="2:17" s="219" customFormat="1" ht="19.899999999999999" customHeight="1">
      <c r="B52" s="348" t="s">
        <v>662</v>
      </c>
      <c r="C52" s="373" t="s">
        <v>26</v>
      </c>
      <c r="D52" s="350"/>
      <c r="E52" s="32"/>
      <c r="F52" s="91">
        <v>423</v>
      </c>
      <c r="G52" s="91">
        <v>919</v>
      </c>
      <c r="H52" s="91">
        <v>425</v>
      </c>
      <c r="I52" s="105">
        <v>494</v>
      </c>
      <c r="J52" s="123">
        <v>124</v>
      </c>
      <c r="K52" s="94">
        <v>627</v>
      </c>
      <c r="L52" s="132">
        <v>165</v>
      </c>
      <c r="M52" s="351">
        <v>660</v>
      </c>
      <c r="N52" s="96">
        <v>270</v>
      </c>
      <c r="O52" s="277">
        <v>0</v>
      </c>
      <c r="P52" s="106">
        <v>72.099999999999994</v>
      </c>
      <c r="Q52" s="44"/>
    </row>
    <row r="53" spans="2:17" s="219" customFormat="1" ht="19.899999999999999" customHeight="1">
      <c r="B53" s="348" t="s">
        <v>123</v>
      </c>
      <c r="C53" s="373" t="s">
        <v>27</v>
      </c>
      <c r="D53" s="350"/>
      <c r="E53" s="32"/>
      <c r="F53" s="91">
        <v>312</v>
      </c>
      <c r="G53" s="91">
        <v>706</v>
      </c>
      <c r="H53" s="91">
        <v>324</v>
      </c>
      <c r="I53" s="105">
        <v>382</v>
      </c>
      <c r="J53" s="123">
        <v>76</v>
      </c>
      <c r="K53" s="94">
        <v>438</v>
      </c>
      <c r="L53" s="132">
        <v>187</v>
      </c>
      <c r="M53" s="351">
        <v>537</v>
      </c>
      <c r="N53" s="96">
        <v>236</v>
      </c>
      <c r="O53" s="277">
        <v>0</v>
      </c>
      <c r="P53" s="106">
        <v>76.599999999999994</v>
      </c>
      <c r="Q53" s="44"/>
    </row>
    <row r="54" spans="2:17" s="219" customFormat="1" ht="19.899999999999999" customHeight="1">
      <c r="B54" s="348"/>
      <c r="C54" s="373" t="s">
        <v>28</v>
      </c>
      <c r="D54" s="350"/>
      <c r="E54" s="32"/>
      <c r="F54" s="91">
        <v>113</v>
      </c>
      <c r="G54" s="91">
        <v>340</v>
      </c>
      <c r="H54" s="91">
        <v>143</v>
      </c>
      <c r="I54" s="105">
        <v>197</v>
      </c>
      <c r="J54" s="123">
        <v>59</v>
      </c>
      <c r="K54" s="94">
        <v>211</v>
      </c>
      <c r="L54" s="132">
        <v>70</v>
      </c>
      <c r="M54" s="351">
        <v>1569</v>
      </c>
      <c r="N54" s="96">
        <v>1406</v>
      </c>
      <c r="O54" s="277">
        <v>0</v>
      </c>
      <c r="P54" s="106">
        <v>461.5</v>
      </c>
      <c r="Q54" s="44"/>
    </row>
    <row r="55" spans="2:17" s="219" customFormat="1" ht="19.899999999999999" customHeight="1">
      <c r="B55" s="348"/>
      <c r="C55" s="373" t="s">
        <v>29</v>
      </c>
      <c r="D55" s="350"/>
      <c r="E55" s="32"/>
      <c r="F55" s="91">
        <v>256</v>
      </c>
      <c r="G55" s="91">
        <v>605</v>
      </c>
      <c r="H55" s="91">
        <v>278</v>
      </c>
      <c r="I55" s="105">
        <v>327</v>
      </c>
      <c r="J55" s="123">
        <v>98</v>
      </c>
      <c r="K55" s="94">
        <v>396</v>
      </c>
      <c r="L55" s="132">
        <v>111</v>
      </c>
      <c r="M55" s="351">
        <v>497</v>
      </c>
      <c r="N55" s="96">
        <v>250</v>
      </c>
      <c r="O55" s="277">
        <v>0</v>
      </c>
      <c r="P55" s="106">
        <v>82.1</v>
      </c>
      <c r="Q55" s="44"/>
    </row>
    <row r="56" spans="2:17" s="219" customFormat="1" ht="19.899999999999999" customHeight="1">
      <c r="B56" s="348" t="s">
        <v>663</v>
      </c>
      <c r="C56" s="373" t="s">
        <v>26</v>
      </c>
      <c r="D56" s="350"/>
      <c r="E56" s="32"/>
      <c r="F56" s="91">
        <v>142</v>
      </c>
      <c r="G56" s="91">
        <v>304</v>
      </c>
      <c r="H56" s="91">
        <v>144</v>
      </c>
      <c r="I56" s="105">
        <v>160</v>
      </c>
      <c r="J56" s="123">
        <v>52</v>
      </c>
      <c r="K56" s="94">
        <v>188</v>
      </c>
      <c r="L56" s="132">
        <v>59</v>
      </c>
      <c r="M56" s="351">
        <v>321</v>
      </c>
      <c r="N56" s="103">
        <v>200</v>
      </c>
      <c r="O56" s="277">
        <v>0</v>
      </c>
      <c r="P56" s="236">
        <v>107.4</v>
      </c>
      <c r="Q56" s="44"/>
    </row>
    <row r="57" spans="2:17" s="219" customFormat="1" ht="19.899999999999999" customHeight="1">
      <c r="B57" s="348"/>
      <c r="C57" s="373" t="s">
        <v>27</v>
      </c>
      <c r="D57" s="350"/>
      <c r="E57" s="32"/>
      <c r="F57" s="91">
        <v>438</v>
      </c>
      <c r="G57" s="91">
        <v>1106</v>
      </c>
      <c r="H57" s="91">
        <v>519</v>
      </c>
      <c r="I57" s="105">
        <v>587</v>
      </c>
      <c r="J57" s="123">
        <v>162</v>
      </c>
      <c r="K57" s="94">
        <v>737</v>
      </c>
      <c r="L57" s="132">
        <v>200</v>
      </c>
      <c r="M57" s="351">
        <v>526</v>
      </c>
      <c r="N57" s="96">
        <v>120</v>
      </c>
      <c r="O57" s="277">
        <v>0</v>
      </c>
      <c r="P57" s="106">
        <v>47.9</v>
      </c>
      <c r="Q57" s="44"/>
    </row>
    <row r="58" spans="2:17" s="219" customFormat="1" ht="19.899999999999999" customHeight="1">
      <c r="B58" s="348"/>
      <c r="C58" s="373" t="s">
        <v>28</v>
      </c>
      <c r="D58" s="350"/>
      <c r="E58" s="32"/>
      <c r="F58" s="91">
        <v>267</v>
      </c>
      <c r="G58" s="91">
        <v>688</v>
      </c>
      <c r="H58" s="91">
        <v>326</v>
      </c>
      <c r="I58" s="105">
        <v>362</v>
      </c>
      <c r="J58" s="123">
        <v>88</v>
      </c>
      <c r="K58" s="94">
        <v>449</v>
      </c>
      <c r="L58" s="132">
        <v>139</v>
      </c>
      <c r="M58" s="351">
        <v>892</v>
      </c>
      <c r="N58" s="96">
        <v>63</v>
      </c>
      <c r="O58" s="96">
        <v>560</v>
      </c>
      <c r="P58" s="106">
        <v>132</v>
      </c>
      <c r="Q58" s="44"/>
    </row>
    <row r="59" spans="2:17" s="219" customFormat="1" ht="19.899999999999999" customHeight="1">
      <c r="B59" s="348"/>
      <c r="C59" s="373" t="s">
        <v>29</v>
      </c>
      <c r="D59" s="350"/>
      <c r="E59" s="32"/>
      <c r="F59" s="91">
        <v>700</v>
      </c>
      <c r="G59" s="91">
        <v>1556</v>
      </c>
      <c r="H59" s="91">
        <v>745</v>
      </c>
      <c r="I59" s="105">
        <v>811</v>
      </c>
      <c r="J59" s="123">
        <v>195</v>
      </c>
      <c r="K59" s="94">
        <v>1030</v>
      </c>
      <c r="L59" s="132">
        <v>284</v>
      </c>
      <c r="M59" s="351">
        <v>1126</v>
      </c>
      <c r="N59" s="96">
        <v>285</v>
      </c>
      <c r="O59" s="96">
        <v>303</v>
      </c>
      <c r="P59" s="106">
        <v>74.599999999999994</v>
      </c>
      <c r="Q59" s="44"/>
    </row>
    <row r="60" spans="2:17" s="219" customFormat="1" ht="19.899999999999999" customHeight="1">
      <c r="B60" s="348"/>
      <c r="C60" s="373" t="s">
        <v>30</v>
      </c>
      <c r="D60" s="350"/>
      <c r="E60" s="32"/>
      <c r="F60" s="91">
        <v>880</v>
      </c>
      <c r="G60" s="91">
        <v>2088</v>
      </c>
      <c r="H60" s="91">
        <v>1015</v>
      </c>
      <c r="I60" s="105">
        <v>1073</v>
      </c>
      <c r="J60" s="123">
        <v>314</v>
      </c>
      <c r="K60" s="94">
        <v>1324</v>
      </c>
      <c r="L60" s="132">
        <v>427</v>
      </c>
      <c r="M60" s="351">
        <v>1096</v>
      </c>
      <c r="N60" s="96">
        <v>201</v>
      </c>
      <c r="O60" s="277">
        <v>0</v>
      </c>
      <c r="P60" s="106">
        <v>53.1</v>
      </c>
      <c r="Q60" s="44"/>
    </row>
    <row r="61" spans="2:17" s="219" customFormat="1" ht="19.899999999999999" customHeight="1">
      <c r="B61" s="348" t="s">
        <v>664</v>
      </c>
      <c r="C61" s="373" t="s">
        <v>26</v>
      </c>
      <c r="D61" s="350"/>
      <c r="E61" s="32"/>
      <c r="F61" s="91">
        <v>1415</v>
      </c>
      <c r="G61" s="91">
        <v>2411</v>
      </c>
      <c r="H61" s="91">
        <v>1195</v>
      </c>
      <c r="I61" s="105">
        <v>1216</v>
      </c>
      <c r="J61" s="123">
        <v>211</v>
      </c>
      <c r="K61" s="94">
        <v>1660</v>
      </c>
      <c r="L61" s="132">
        <v>539</v>
      </c>
      <c r="M61" s="351">
        <v>1343</v>
      </c>
      <c r="N61" s="96">
        <v>227</v>
      </c>
      <c r="O61" s="277">
        <v>0</v>
      </c>
      <c r="P61" s="106">
        <v>55.7</v>
      </c>
      <c r="Q61" s="44"/>
    </row>
    <row r="62" spans="2:17" s="219" customFormat="1" ht="19.899999999999999" customHeight="1">
      <c r="B62" s="348"/>
      <c r="C62" s="373" t="s">
        <v>27</v>
      </c>
      <c r="D62" s="350"/>
      <c r="E62" s="32"/>
      <c r="F62" s="91">
        <v>831</v>
      </c>
      <c r="G62" s="91">
        <v>1641</v>
      </c>
      <c r="H62" s="91">
        <v>777</v>
      </c>
      <c r="I62" s="105">
        <v>864</v>
      </c>
      <c r="J62" s="123">
        <v>179</v>
      </c>
      <c r="K62" s="94">
        <v>1070</v>
      </c>
      <c r="L62" s="132">
        <v>382</v>
      </c>
      <c r="M62" s="351">
        <v>929</v>
      </c>
      <c r="N62" s="96">
        <v>135</v>
      </c>
      <c r="O62" s="277">
        <v>0</v>
      </c>
      <c r="P62" s="106">
        <v>57</v>
      </c>
      <c r="Q62" s="44"/>
    </row>
    <row r="63" spans="2:17" s="219" customFormat="1" ht="19.899999999999999" customHeight="1">
      <c r="B63" s="348"/>
      <c r="C63" s="373" t="s">
        <v>28</v>
      </c>
      <c r="D63" s="350"/>
      <c r="E63" s="32"/>
      <c r="F63" s="91">
        <v>768</v>
      </c>
      <c r="G63" s="91">
        <v>1504</v>
      </c>
      <c r="H63" s="91">
        <v>733</v>
      </c>
      <c r="I63" s="105">
        <v>771</v>
      </c>
      <c r="J63" s="123">
        <v>221</v>
      </c>
      <c r="K63" s="94">
        <v>1070</v>
      </c>
      <c r="L63" s="132">
        <v>213</v>
      </c>
      <c r="M63" s="351">
        <v>940</v>
      </c>
      <c r="N63" s="96">
        <v>254</v>
      </c>
      <c r="O63" s="277">
        <v>0</v>
      </c>
      <c r="P63" s="106">
        <v>62.5</v>
      </c>
      <c r="Q63" s="44"/>
    </row>
    <row r="64" spans="2:17" s="219" customFormat="1" ht="19.899999999999999" customHeight="1">
      <c r="B64" s="348" t="s">
        <v>665</v>
      </c>
      <c r="C64" s="373" t="s">
        <v>26</v>
      </c>
      <c r="D64" s="350"/>
      <c r="E64" s="32"/>
      <c r="F64" s="91">
        <v>1386</v>
      </c>
      <c r="G64" s="91">
        <v>2707</v>
      </c>
      <c r="H64" s="91">
        <v>1279</v>
      </c>
      <c r="I64" s="105">
        <v>1428</v>
      </c>
      <c r="J64" s="123">
        <v>282</v>
      </c>
      <c r="K64" s="94">
        <v>1750</v>
      </c>
      <c r="L64" s="132">
        <v>675</v>
      </c>
      <c r="M64" s="351">
        <v>3894</v>
      </c>
      <c r="N64" s="96">
        <v>673</v>
      </c>
      <c r="O64" s="96">
        <v>1972</v>
      </c>
      <c r="P64" s="106">
        <v>143.80000000000001</v>
      </c>
      <c r="Q64" s="44"/>
    </row>
    <row r="65" spans="1:17" s="219" customFormat="1" ht="19.899999999999999" customHeight="1">
      <c r="B65" s="348"/>
      <c r="C65" s="373" t="s">
        <v>27</v>
      </c>
      <c r="D65" s="350"/>
      <c r="E65" s="32"/>
      <c r="F65" s="91">
        <v>847</v>
      </c>
      <c r="G65" s="91">
        <v>1413</v>
      </c>
      <c r="H65" s="91">
        <v>716</v>
      </c>
      <c r="I65" s="105">
        <v>697</v>
      </c>
      <c r="J65" s="123">
        <v>117</v>
      </c>
      <c r="K65" s="94">
        <v>948</v>
      </c>
      <c r="L65" s="132">
        <v>347</v>
      </c>
      <c r="M65" s="351">
        <v>1302</v>
      </c>
      <c r="N65" s="96">
        <v>645</v>
      </c>
      <c r="O65" s="277">
        <v>0</v>
      </c>
      <c r="P65" s="106">
        <v>92.2</v>
      </c>
      <c r="Q65" s="44"/>
    </row>
    <row r="66" spans="1:17" s="219" customFormat="1" ht="19.899999999999999" customHeight="1">
      <c r="B66" s="348"/>
      <c r="C66" s="373" t="s">
        <v>28</v>
      </c>
      <c r="D66" s="350"/>
      <c r="E66" s="32"/>
      <c r="F66" s="91">
        <v>717</v>
      </c>
      <c r="G66" s="91">
        <v>1210</v>
      </c>
      <c r="H66" s="91">
        <v>622</v>
      </c>
      <c r="I66" s="105">
        <v>588</v>
      </c>
      <c r="J66" s="123">
        <v>78</v>
      </c>
      <c r="K66" s="94">
        <v>828</v>
      </c>
      <c r="L66" s="132">
        <v>301</v>
      </c>
      <c r="M66" s="351">
        <v>1283</v>
      </c>
      <c r="N66" s="96">
        <v>679</v>
      </c>
      <c r="O66" s="277">
        <v>0</v>
      </c>
      <c r="P66" s="106">
        <v>106.3</v>
      </c>
      <c r="Q66" s="44"/>
    </row>
    <row r="67" spans="1:17" s="219" customFormat="1" ht="19.899999999999999" customHeight="1">
      <c r="B67" s="348"/>
      <c r="C67" s="373" t="s">
        <v>29</v>
      </c>
      <c r="D67" s="350"/>
      <c r="E67" s="32"/>
      <c r="F67" s="91">
        <v>919</v>
      </c>
      <c r="G67" s="91">
        <v>1703</v>
      </c>
      <c r="H67" s="91">
        <v>819</v>
      </c>
      <c r="I67" s="105">
        <v>884</v>
      </c>
      <c r="J67" s="123">
        <v>179</v>
      </c>
      <c r="K67" s="94">
        <v>1220</v>
      </c>
      <c r="L67" s="132">
        <v>289</v>
      </c>
      <c r="M67" s="351">
        <v>1060</v>
      </c>
      <c r="N67" s="96">
        <v>345</v>
      </c>
      <c r="O67" s="277">
        <v>0</v>
      </c>
      <c r="P67" s="106">
        <v>62.8</v>
      </c>
      <c r="Q67" s="44"/>
    </row>
    <row r="68" spans="1:17" s="219" customFormat="1" ht="18.75" customHeight="1">
      <c r="B68" s="348" t="s">
        <v>666</v>
      </c>
      <c r="C68" s="373" t="s">
        <v>26</v>
      </c>
      <c r="D68" s="350"/>
      <c r="E68" s="32"/>
      <c r="F68" s="91">
        <v>1039</v>
      </c>
      <c r="G68" s="91">
        <v>2399</v>
      </c>
      <c r="H68" s="91">
        <v>1133</v>
      </c>
      <c r="I68" s="105">
        <v>1266</v>
      </c>
      <c r="J68" s="123">
        <v>295</v>
      </c>
      <c r="K68" s="94">
        <v>1575</v>
      </c>
      <c r="L68" s="132">
        <v>529</v>
      </c>
      <c r="M68" s="351">
        <v>1321</v>
      </c>
      <c r="N68" s="96">
        <v>233</v>
      </c>
      <c r="O68" s="277">
        <v>0</v>
      </c>
      <c r="P68" s="106">
        <v>55.1</v>
      </c>
      <c r="Q68" s="44"/>
    </row>
    <row r="69" spans="1:17" s="219" customFormat="1" ht="18.75" customHeight="1">
      <c r="B69" s="348"/>
      <c r="C69" s="373" t="s">
        <v>27</v>
      </c>
      <c r="D69" s="350"/>
      <c r="E69" s="32"/>
      <c r="F69" s="91">
        <v>1317</v>
      </c>
      <c r="G69" s="91">
        <v>2996</v>
      </c>
      <c r="H69" s="91">
        <v>1389</v>
      </c>
      <c r="I69" s="105">
        <v>1607</v>
      </c>
      <c r="J69" s="123">
        <v>361</v>
      </c>
      <c r="K69" s="94">
        <v>1913</v>
      </c>
      <c r="L69" s="132">
        <v>722</v>
      </c>
      <c r="M69" s="351">
        <v>1638</v>
      </c>
      <c r="N69" s="96">
        <v>271</v>
      </c>
      <c r="O69" s="277">
        <v>0</v>
      </c>
      <c r="P69" s="106">
        <v>54.7</v>
      </c>
      <c r="Q69" s="44"/>
    </row>
    <row r="70" spans="1:17" s="219" customFormat="1" ht="18.75" customHeight="1">
      <c r="B70" s="348"/>
      <c r="C70" s="373" t="s">
        <v>28</v>
      </c>
      <c r="D70" s="350"/>
      <c r="E70" s="32"/>
      <c r="F70" s="91">
        <v>1610</v>
      </c>
      <c r="G70" s="91">
        <v>3201</v>
      </c>
      <c r="H70" s="91">
        <v>1404</v>
      </c>
      <c r="I70" s="105">
        <v>1797</v>
      </c>
      <c r="J70" s="123">
        <v>310</v>
      </c>
      <c r="K70" s="94">
        <v>2199</v>
      </c>
      <c r="L70" s="132">
        <v>692</v>
      </c>
      <c r="M70" s="351">
        <v>3061</v>
      </c>
      <c r="N70" s="96">
        <v>1026</v>
      </c>
      <c r="O70" s="96">
        <v>651</v>
      </c>
      <c r="P70" s="106">
        <v>95.6</v>
      </c>
      <c r="Q70" s="44"/>
    </row>
    <row r="71" spans="1:17" s="219" customFormat="1" ht="18.75" customHeight="1">
      <c r="B71" s="348"/>
      <c r="C71" s="373" t="s">
        <v>29</v>
      </c>
      <c r="D71" s="350"/>
      <c r="E71" s="32"/>
      <c r="F71" s="91">
        <v>1800</v>
      </c>
      <c r="G71" s="91">
        <v>3026</v>
      </c>
      <c r="H71" s="91">
        <v>1408</v>
      </c>
      <c r="I71" s="105">
        <v>1618</v>
      </c>
      <c r="J71" s="123">
        <v>285</v>
      </c>
      <c r="K71" s="94">
        <v>2167</v>
      </c>
      <c r="L71" s="132">
        <v>570</v>
      </c>
      <c r="M71" s="351">
        <v>3578</v>
      </c>
      <c r="N71" s="96">
        <v>1896</v>
      </c>
      <c r="O71" s="96">
        <v>0</v>
      </c>
      <c r="P71" s="106">
        <v>118.4</v>
      </c>
      <c r="Q71" s="44"/>
    </row>
    <row r="72" spans="1:17" s="219" customFormat="1" ht="18.75" customHeight="1">
      <c r="B72" s="348" t="s">
        <v>667</v>
      </c>
      <c r="C72" s="373" t="s">
        <v>26</v>
      </c>
      <c r="D72" s="350"/>
      <c r="E72" s="32"/>
      <c r="F72" s="91">
        <v>859</v>
      </c>
      <c r="G72" s="91">
        <v>2183</v>
      </c>
      <c r="H72" s="91">
        <v>1056</v>
      </c>
      <c r="I72" s="105">
        <v>1127</v>
      </c>
      <c r="J72" s="123">
        <v>401</v>
      </c>
      <c r="K72" s="94">
        <v>1537</v>
      </c>
      <c r="L72" s="132">
        <v>245</v>
      </c>
      <c r="M72" s="351">
        <v>2155</v>
      </c>
      <c r="N72" s="96">
        <v>325</v>
      </c>
      <c r="O72" s="96">
        <v>844</v>
      </c>
      <c r="P72" s="106">
        <v>98.7</v>
      </c>
      <c r="Q72" s="44"/>
    </row>
    <row r="73" spans="1:17" s="219" customFormat="1" ht="18" customHeight="1">
      <c r="B73" s="348"/>
      <c r="C73" s="373" t="s">
        <v>27</v>
      </c>
      <c r="D73" s="350"/>
      <c r="E73" s="32"/>
      <c r="F73" s="91">
        <v>1157</v>
      </c>
      <c r="G73" s="91">
        <v>2737</v>
      </c>
      <c r="H73" s="91">
        <v>1239</v>
      </c>
      <c r="I73" s="105">
        <v>1498</v>
      </c>
      <c r="J73" s="123">
        <v>417</v>
      </c>
      <c r="K73" s="94">
        <v>1799</v>
      </c>
      <c r="L73" s="132">
        <v>521</v>
      </c>
      <c r="M73" s="351">
        <v>2097</v>
      </c>
      <c r="N73" s="96">
        <v>828</v>
      </c>
      <c r="O73" s="277">
        <v>0</v>
      </c>
      <c r="P73" s="106">
        <v>76.599999999999994</v>
      </c>
      <c r="Q73" s="44"/>
    </row>
    <row r="74" spans="1:17" s="219" customFormat="1" ht="18.75" customHeight="1">
      <c r="B74" s="348"/>
      <c r="C74" s="373" t="s">
        <v>28</v>
      </c>
      <c r="D74" s="350"/>
      <c r="E74" s="32"/>
      <c r="F74" s="91">
        <v>1387</v>
      </c>
      <c r="G74" s="91">
        <v>2996</v>
      </c>
      <c r="H74" s="91">
        <v>1425</v>
      </c>
      <c r="I74" s="105">
        <v>1571</v>
      </c>
      <c r="J74" s="123">
        <v>485</v>
      </c>
      <c r="K74" s="94">
        <v>2090</v>
      </c>
      <c r="L74" s="132">
        <v>419</v>
      </c>
      <c r="M74" s="351">
        <v>2780</v>
      </c>
      <c r="N74" s="96">
        <v>773</v>
      </c>
      <c r="O74" s="96">
        <v>715</v>
      </c>
      <c r="P74" s="106">
        <v>92.9</v>
      </c>
      <c r="Q74" s="44"/>
    </row>
    <row r="75" spans="1:17" s="219" customFormat="1" ht="18.75" customHeight="1">
      <c r="B75" s="348"/>
      <c r="C75" s="373" t="s">
        <v>29</v>
      </c>
      <c r="D75" s="350"/>
      <c r="E75" s="32"/>
      <c r="F75" s="91">
        <v>740</v>
      </c>
      <c r="G75" s="91">
        <v>1521</v>
      </c>
      <c r="H75" s="91">
        <v>709</v>
      </c>
      <c r="I75" s="105">
        <v>812</v>
      </c>
      <c r="J75" s="123">
        <v>168</v>
      </c>
      <c r="K75" s="94">
        <v>904</v>
      </c>
      <c r="L75" s="132">
        <v>449</v>
      </c>
      <c r="M75" s="351">
        <v>2079</v>
      </c>
      <c r="N75" s="96">
        <v>468</v>
      </c>
      <c r="O75" s="96">
        <v>719</v>
      </c>
      <c r="P75" s="106">
        <v>136.69999999999999</v>
      </c>
      <c r="Q75" s="44"/>
    </row>
    <row r="76" spans="1:17" s="219" customFormat="1" ht="18.75" customHeight="1">
      <c r="B76" s="348"/>
      <c r="C76" s="373" t="s">
        <v>30</v>
      </c>
      <c r="D76" s="350"/>
      <c r="E76" s="32"/>
      <c r="F76" s="91">
        <v>1345</v>
      </c>
      <c r="G76" s="91">
        <v>2912</v>
      </c>
      <c r="H76" s="91">
        <v>1354</v>
      </c>
      <c r="I76" s="105">
        <v>1558</v>
      </c>
      <c r="J76" s="123">
        <v>483</v>
      </c>
      <c r="K76" s="94">
        <v>1992</v>
      </c>
      <c r="L76" s="132">
        <v>437</v>
      </c>
      <c r="M76" s="351">
        <v>2579</v>
      </c>
      <c r="N76" s="96">
        <v>1312</v>
      </c>
      <c r="O76" s="277">
        <v>0</v>
      </c>
      <c r="P76" s="106">
        <v>88.6</v>
      </c>
      <c r="Q76" s="44"/>
    </row>
    <row r="77" spans="1:17" s="219" customFormat="1" ht="18.75" customHeight="1">
      <c r="B77" s="348"/>
      <c r="C77" s="373" t="s">
        <v>31</v>
      </c>
      <c r="D77" s="350"/>
      <c r="E77" s="32"/>
      <c r="F77" s="91">
        <v>814</v>
      </c>
      <c r="G77" s="91">
        <v>1913</v>
      </c>
      <c r="H77" s="91">
        <v>920</v>
      </c>
      <c r="I77" s="105">
        <v>993</v>
      </c>
      <c r="J77" s="123">
        <v>309</v>
      </c>
      <c r="K77" s="94">
        <v>1304</v>
      </c>
      <c r="L77" s="132">
        <v>295</v>
      </c>
      <c r="M77" s="351">
        <v>1480</v>
      </c>
      <c r="N77" s="96">
        <v>384</v>
      </c>
      <c r="O77" s="96">
        <v>375</v>
      </c>
      <c r="P77" s="106">
        <v>77.599999999999994</v>
      </c>
      <c r="Q77" s="44"/>
    </row>
    <row r="78" spans="1:17" s="219" customFormat="1" ht="18.75" customHeight="1">
      <c r="B78" s="348"/>
      <c r="C78" s="373" t="s">
        <v>32</v>
      </c>
      <c r="D78" s="350"/>
      <c r="E78" s="32"/>
      <c r="F78" s="91">
        <v>1174</v>
      </c>
      <c r="G78" s="91">
        <v>2270</v>
      </c>
      <c r="H78" s="91">
        <v>1044</v>
      </c>
      <c r="I78" s="105">
        <v>1226</v>
      </c>
      <c r="J78" s="123">
        <v>300</v>
      </c>
      <c r="K78" s="94">
        <v>1654</v>
      </c>
      <c r="L78" s="132">
        <v>314</v>
      </c>
      <c r="M78" s="351">
        <v>2705</v>
      </c>
      <c r="N78" s="96">
        <v>1670</v>
      </c>
      <c r="O78" s="277">
        <v>0</v>
      </c>
      <c r="P78" s="106">
        <v>119.3</v>
      </c>
      <c r="Q78" s="44"/>
    </row>
    <row r="79" spans="1:17" s="219" customFormat="1" ht="17.25" customHeight="1">
      <c r="B79" s="348"/>
      <c r="C79" s="373" t="s">
        <v>33</v>
      </c>
      <c r="D79" s="350"/>
      <c r="E79" s="32"/>
      <c r="F79" s="91">
        <v>785</v>
      </c>
      <c r="G79" s="91">
        <v>1567</v>
      </c>
      <c r="H79" s="91">
        <v>774</v>
      </c>
      <c r="I79" s="105">
        <v>793</v>
      </c>
      <c r="J79" s="123">
        <v>185</v>
      </c>
      <c r="K79" s="94">
        <v>1128</v>
      </c>
      <c r="L79" s="132">
        <v>254</v>
      </c>
      <c r="M79" s="351">
        <v>1001</v>
      </c>
      <c r="N79" s="96">
        <v>245</v>
      </c>
      <c r="O79" s="277">
        <v>0</v>
      </c>
      <c r="P79" s="106">
        <v>63.9</v>
      </c>
      <c r="Q79" s="44"/>
    </row>
    <row r="80" spans="1:17" s="219" customFormat="1" ht="17.25" customHeight="1">
      <c r="A80" s="227"/>
      <c r="B80" s="357"/>
      <c r="C80" s="373" t="s">
        <v>34</v>
      </c>
      <c r="D80" s="358"/>
      <c r="E80" s="32"/>
      <c r="F80" s="91">
        <v>1859</v>
      </c>
      <c r="G80" s="91">
        <v>3848</v>
      </c>
      <c r="H80" s="91">
        <v>1785</v>
      </c>
      <c r="I80" s="105">
        <v>2063</v>
      </c>
      <c r="J80" s="123">
        <v>550</v>
      </c>
      <c r="K80" s="94">
        <v>2568</v>
      </c>
      <c r="L80" s="132">
        <v>730</v>
      </c>
      <c r="M80" s="351">
        <v>2414</v>
      </c>
      <c r="N80" s="96">
        <v>570</v>
      </c>
      <c r="O80" s="277">
        <v>0</v>
      </c>
      <c r="P80" s="106">
        <v>62.7</v>
      </c>
      <c r="Q80" s="44"/>
    </row>
    <row r="81" spans="1:17" s="219" customFormat="1" ht="15.75" customHeight="1">
      <c r="A81" s="220"/>
      <c r="B81" s="357"/>
      <c r="C81" s="373" t="s">
        <v>668</v>
      </c>
      <c r="D81" s="358"/>
      <c r="E81" s="32"/>
      <c r="F81" s="91">
        <v>568</v>
      </c>
      <c r="G81" s="91">
        <v>1088</v>
      </c>
      <c r="H81" s="91">
        <v>547</v>
      </c>
      <c r="I81" s="105">
        <v>541</v>
      </c>
      <c r="J81" s="123">
        <v>156</v>
      </c>
      <c r="K81" s="94">
        <v>756</v>
      </c>
      <c r="L81" s="132">
        <v>158</v>
      </c>
      <c r="M81" s="351">
        <v>1405</v>
      </c>
      <c r="N81" s="96">
        <v>459</v>
      </c>
      <c r="O81" s="96">
        <v>390</v>
      </c>
      <c r="P81" s="106">
        <v>131.30000000000001</v>
      </c>
      <c r="Q81" s="44"/>
    </row>
    <row r="82" spans="1:17" s="219" customFormat="1" ht="21.75" customHeight="1">
      <c r="B82" s="357" t="s">
        <v>669</v>
      </c>
      <c r="C82" s="373" t="s">
        <v>26</v>
      </c>
      <c r="D82" s="358"/>
      <c r="E82" s="32"/>
      <c r="F82" s="91">
        <v>507</v>
      </c>
      <c r="G82" s="91">
        <v>1227</v>
      </c>
      <c r="H82" s="91">
        <v>587</v>
      </c>
      <c r="I82" s="105">
        <v>640</v>
      </c>
      <c r="J82" s="123">
        <v>167</v>
      </c>
      <c r="K82" s="94">
        <v>828</v>
      </c>
      <c r="L82" s="132">
        <v>232</v>
      </c>
      <c r="M82" s="351">
        <v>570</v>
      </c>
      <c r="N82" s="96">
        <v>46</v>
      </c>
      <c r="O82" s="277">
        <v>0</v>
      </c>
      <c r="P82" s="106">
        <v>46.5</v>
      </c>
      <c r="Q82" s="44"/>
    </row>
    <row r="83" spans="1:17" s="219" customFormat="1" ht="21.75" customHeight="1">
      <c r="B83" s="357"/>
      <c r="C83" s="373" t="s">
        <v>27</v>
      </c>
      <c r="D83" s="358"/>
      <c r="E83" s="32"/>
      <c r="F83" s="91">
        <v>526</v>
      </c>
      <c r="G83" s="91">
        <v>1285</v>
      </c>
      <c r="H83" s="91">
        <v>598</v>
      </c>
      <c r="I83" s="105">
        <v>687</v>
      </c>
      <c r="J83" s="123">
        <v>177</v>
      </c>
      <c r="K83" s="94">
        <v>832</v>
      </c>
      <c r="L83" s="132">
        <v>276</v>
      </c>
      <c r="M83" s="351">
        <v>1560</v>
      </c>
      <c r="N83" s="96">
        <v>181</v>
      </c>
      <c r="O83" s="96">
        <v>792</v>
      </c>
      <c r="P83" s="106">
        <v>121.4</v>
      </c>
      <c r="Q83" s="44"/>
    </row>
    <row r="84" spans="1:17" s="219" customFormat="1" ht="21.75" customHeight="1">
      <c r="B84" s="357" t="s">
        <v>670</v>
      </c>
      <c r="C84" s="373" t="s">
        <v>26</v>
      </c>
      <c r="D84" s="358"/>
      <c r="E84" s="32"/>
      <c r="F84" s="91">
        <v>1174</v>
      </c>
      <c r="G84" s="91">
        <v>2614</v>
      </c>
      <c r="H84" s="91">
        <v>1183</v>
      </c>
      <c r="I84" s="105">
        <v>1431</v>
      </c>
      <c r="J84" s="123">
        <v>476</v>
      </c>
      <c r="K84" s="94">
        <v>1646</v>
      </c>
      <c r="L84" s="132">
        <v>468</v>
      </c>
      <c r="M84" s="351">
        <v>2054</v>
      </c>
      <c r="N84" s="96">
        <v>437</v>
      </c>
      <c r="O84" s="96">
        <v>435</v>
      </c>
      <c r="P84" s="106">
        <v>79.3</v>
      </c>
      <c r="Q84" s="44"/>
    </row>
    <row r="85" spans="1:17" s="219" customFormat="1" ht="21.75" customHeight="1">
      <c r="B85" s="357"/>
      <c r="C85" s="373" t="s">
        <v>27</v>
      </c>
      <c r="D85" s="358"/>
      <c r="E85" s="32"/>
      <c r="F85" s="91">
        <v>1223</v>
      </c>
      <c r="G85" s="91">
        <v>2147</v>
      </c>
      <c r="H85" s="91">
        <v>969</v>
      </c>
      <c r="I85" s="105">
        <v>1178</v>
      </c>
      <c r="J85" s="123">
        <v>253</v>
      </c>
      <c r="K85" s="94">
        <v>1675</v>
      </c>
      <c r="L85" s="132">
        <v>219</v>
      </c>
      <c r="M85" s="351">
        <v>1906</v>
      </c>
      <c r="N85" s="96">
        <v>928</v>
      </c>
      <c r="O85" s="277">
        <v>0</v>
      </c>
      <c r="P85" s="106">
        <v>88.8</v>
      </c>
      <c r="Q85" s="44"/>
    </row>
    <row r="86" spans="1:17" s="219" customFormat="1" ht="21.75" customHeight="1">
      <c r="B86" s="352"/>
      <c r="C86" s="374" t="s">
        <v>28</v>
      </c>
      <c r="D86" s="354"/>
      <c r="E86" s="40"/>
      <c r="F86" s="115">
        <v>1194</v>
      </c>
      <c r="G86" s="115">
        <v>2647</v>
      </c>
      <c r="H86" s="115">
        <v>1241</v>
      </c>
      <c r="I86" s="114">
        <v>1406</v>
      </c>
      <c r="J86" s="127">
        <v>481</v>
      </c>
      <c r="K86" s="118">
        <v>1744</v>
      </c>
      <c r="L86" s="276">
        <v>421</v>
      </c>
      <c r="M86" s="355">
        <v>1763</v>
      </c>
      <c r="N86" s="120">
        <v>628</v>
      </c>
      <c r="O86" s="280">
        <v>0</v>
      </c>
      <c r="P86" s="122">
        <v>66.599999999999994</v>
      </c>
      <c r="Q86" s="44"/>
    </row>
    <row r="87" spans="1:17" s="219" customFormat="1" ht="21.75" customHeight="1">
      <c r="B87" s="348" t="s">
        <v>671</v>
      </c>
      <c r="C87" s="373" t="s">
        <v>26</v>
      </c>
      <c r="D87" s="350"/>
      <c r="E87" s="32"/>
      <c r="F87" s="91">
        <v>870</v>
      </c>
      <c r="G87" s="91">
        <v>1560</v>
      </c>
      <c r="H87" s="91">
        <v>765</v>
      </c>
      <c r="I87" s="105">
        <v>795</v>
      </c>
      <c r="J87" s="123">
        <v>184</v>
      </c>
      <c r="K87" s="94">
        <v>999</v>
      </c>
      <c r="L87" s="132">
        <v>311</v>
      </c>
      <c r="M87" s="351">
        <v>1039</v>
      </c>
      <c r="N87" s="96">
        <v>304</v>
      </c>
      <c r="O87" s="277">
        <v>0</v>
      </c>
      <c r="P87" s="106">
        <v>69.5</v>
      </c>
      <c r="Q87" s="44"/>
    </row>
    <row r="88" spans="1:17" s="219" customFormat="1" ht="21.75" customHeight="1">
      <c r="B88" s="348"/>
      <c r="C88" s="373" t="s">
        <v>27</v>
      </c>
      <c r="D88" s="350"/>
      <c r="E88" s="32"/>
      <c r="F88" s="91">
        <v>813</v>
      </c>
      <c r="G88" s="91">
        <v>1582</v>
      </c>
      <c r="H88" s="91">
        <v>729</v>
      </c>
      <c r="I88" s="105">
        <v>853</v>
      </c>
      <c r="J88" s="123">
        <v>203</v>
      </c>
      <c r="K88" s="94">
        <v>956</v>
      </c>
      <c r="L88" s="132">
        <v>380</v>
      </c>
      <c r="M88" s="351">
        <v>989</v>
      </c>
      <c r="N88" s="96">
        <v>207</v>
      </c>
      <c r="O88" s="277">
        <v>0</v>
      </c>
      <c r="P88" s="106">
        <v>64.3</v>
      </c>
      <c r="Q88" s="44"/>
    </row>
    <row r="89" spans="1:17" s="219" customFormat="1" ht="21.75" customHeight="1">
      <c r="B89" s="348"/>
      <c r="C89" s="373" t="s">
        <v>28</v>
      </c>
      <c r="D89" s="350"/>
      <c r="E89" s="32"/>
      <c r="F89" s="91">
        <v>947</v>
      </c>
      <c r="G89" s="91">
        <v>1784</v>
      </c>
      <c r="H89" s="91">
        <v>795</v>
      </c>
      <c r="I89" s="105">
        <v>989</v>
      </c>
      <c r="J89" s="123">
        <v>159</v>
      </c>
      <c r="K89" s="94">
        <v>1213</v>
      </c>
      <c r="L89" s="132">
        <v>412</v>
      </c>
      <c r="M89" s="351">
        <v>2195</v>
      </c>
      <c r="N89" s="96">
        <v>1057</v>
      </c>
      <c r="O89" s="277">
        <v>0</v>
      </c>
      <c r="P89" s="106">
        <v>123</v>
      </c>
      <c r="Q89" s="44"/>
    </row>
    <row r="90" spans="1:17" s="219" customFormat="1" ht="21.75" customHeight="1">
      <c r="B90" s="348"/>
      <c r="C90" s="373" t="s">
        <v>29</v>
      </c>
      <c r="D90" s="350"/>
      <c r="E90" s="32"/>
      <c r="F90" s="91">
        <v>499</v>
      </c>
      <c r="G90" s="91">
        <v>1041</v>
      </c>
      <c r="H90" s="91">
        <v>517</v>
      </c>
      <c r="I90" s="105">
        <v>524</v>
      </c>
      <c r="J90" s="123">
        <v>108</v>
      </c>
      <c r="K90" s="94">
        <v>651</v>
      </c>
      <c r="L90" s="132">
        <v>269</v>
      </c>
      <c r="M90" s="351">
        <v>1285</v>
      </c>
      <c r="N90" s="96">
        <v>183</v>
      </c>
      <c r="O90" s="96">
        <v>627</v>
      </c>
      <c r="P90" s="106">
        <v>125</v>
      </c>
      <c r="Q90" s="44"/>
    </row>
    <row r="91" spans="1:17" s="219" customFormat="1" ht="21.75" customHeight="1">
      <c r="B91" s="348"/>
      <c r="C91" s="373" t="s">
        <v>30</v>
      </c>
      <c r="D91" s="350"/>
      <c r="E91" s="32"/>
      <c r="F91" s="91">
        <v>1065</v>
      </c>
      <c r="G91" s="91">
        <v>1882</v>
      </c>
      <c r="H91" s="91">
        <v>967</v>
      </c>
      <c r="I91" s="105">
        <v>915</v>
      </c>
      <c r="J91" s="123">
        <v>218</v>
      </c>
      <c r="K91" s="94">
        <v>1360</v>
      </c>
      <c r="L91" s="132">
        <v>296</v>
      </c>
      <c r="M91" s="351">
        <v>1413</v>
      </c>
      <c r="N91" s="96">
        <v>455</v>
      </c>
      <c r="O91" s="277">
        <v>0</v>
      </c>
      <c r="P91" s="106">
        <v>75.400000000000006</v>
      </c>
      <c r="Q91" s="44"/>
    </row>
    <row r="92" spans="1:17" s="219" customFormat="1" ht="21.75" customHeight="1">
      <c r="B92" s="348" t="s">
        <v>672</v>
      </c>
      <c r="C92" s="373" t="s">
        <v>26</v>
      </c>
      <c r="D92" s="350"/>
      <c r="E92" s="32"/>
      <c r="F92" s="91">
        <v>622</v>
      </c>
      <c r="G92" s="91">
        <v>1624</v>
      </c>
      <c r="H92" s="91">
        <v>717</v>
      </c>
      <c r="I92" s="105">
        <v>907</v>
      </c>
      <c r="J92" s="123">
        <v>268</v>
      </c>
      <c r="K92" s="94">
        <v>971</v>
      </c>
      <c r="L92" s="132">
        <v>385</v>
      </c>
      <c r="M92" s="351">
        <v>1270</v>
      </c>
      <c r="N92" s="96">
        <v>220</v>
      </c>
      <c r="O92" s="277">
        <v>314</v>
      </c>
      <c r="P92" s="106">
        <v>78.2</v>
      </c>
      <c r="Q92" s="44"/>
    </row>
    <row r="93" spans="1:17" s="219" customFormat="1" ht="21.75" customHeight="1">
      <c r="B93" s="348"/>
      <c r="C93" s="373" t="s">
        <v>27</v>
      </c>
      <c r="D93" s="350"/>
      <c r="E93" s="32"/>
      <c r="F93" s="91">
        <v>539</v>
      </c>
      <c r="G93" s="91">
        <v>1164</v>
      </c>
      <c r="H93" s="91">
        <v>519</v>
      </c>
      <c r="I93" s="105">
        <v>645</v>
      </c>
      <c r="J93" s="123">
        <v>125</v>
      </c>
      <c r="K93" s="94">
        <v>696</v>
      </c>
      <c r="L93" s="132">
        <v>343</v>
      </c>
      <c r="M93" s="351">
        <v>1331</v>
      </c>
      <c r="N93" s="96">
        <v>706</v>
      </c>
      <c r="O93" s="277">
        <v>0</v>
      </c>
      <c r="P93" s="106">
        <v>114.3</v>
      </c>
      <c r="Q93" s="44"/>
    </row>
    <row r="94" spans="1:17" s="219" customFormat="1" ht="22.5" customHeight="1">
      <c r="B94" s="348" t="s">
        <v>673</v>
      </c>
      <c r="C94" s="373" t="s">
        <v>26</v>
      </c>
      <c r="D94" s="350"/>
      <c r="E94" s="32"/>
      <c r="F94" s="91">
        <v>913</v>
      </c>
      <c r="G94" s="91">
        <v>1659</v>
      </c>
      <c r="H94" s="91">
        <v>862</v>
      </c>
      <c r="I94" s="105">
        <v>797</v>
      </c>
      <c r="J94" s="123">
        <v>223</v>
      </c>
      <c r="K94" s="94">
        <v>1153</v>
      </c>
      <c r="L94" s="132">
        <v>281</v>
      </c>
      <c r="M94" s="351">
        <v>1015</v>
      </c>
      <c r="N94" s="96">
        <v>187</v>
      </c>
      <c r="O94" s="277">
        <v>0</v>
      </c>
      <c r="P94" s="106">
        <v>61.3</v>
      </c>
      <c r="Q94" s="44"/>
    </row>
    <row r="95" spans="1:17" s="219" customFormat="1" ht="22.5" customHeight="1">
      <c r="B95" s="348" t="s">
        <v>123</v>
      </c>
      <c r="C95" s="373" t="s">
        <v>27</v>
      </c>
      <c r="D95" s="350"/>
      <c r="E95" s="32"/>
      <c r="F95" s="91">
        <v>793</v>
      </c>
      <c r="G95" s="91">
        <v>1652</v>
      </c>
      <c r="H95" s="91">
        <v>820</v>
      </c>
      <c r="I95" s="105">
        <v>832</v>
      </c>
      <c r="J95" s="123">
        <v>182</v>
      </c>
      <c r="K95" s="94">
        <v>1108</v>
      </c>
      <c r="L95" s="132">
        <v>362</v>
      </c>
      <c r="M95" s="242">
        <v>1117</v>
      </c>
      <c r="N95" s="96">
        <v>351</v>
      </c>
      <c r="O95" s="277">
        <v>0</v>
      </c>
      <c r="P95" s="106">
        <v>67.599999999999994</v>
      </c>
      <c r="Q95" s="44"/>
    </row>
    <row r="96" spans="1:17" s="219" customFormat="1" ht="22.5" customHeight="1">
      <c r="B96" s="348"/>
      <c r="C96" s="373" t="s">
        <v>28</v>
      </c>
      <c r="D96" s="350"/>
      <c r="E96" s="32"/>
      <c r="F96" s="91">
        <v>15</v>
      </c>
      <c r="G96" s="91">
        <v>15</v>
      </c>
      <c r="H96" s="91">
        <v>10</v>
      </c>
      <c r="I96" s="105">
        <v>5</v>
      </c>
      <c r="J96" s="378" t="s">
        <v>192</v>
      </c>
      <c r="K96" s="94">
        <v>15</v>
      </c>
      <c r="L96" s="378" t="s">
        <v>192</v>
      </c>
      <c r="M96" s="242">
        <v>6903</v>
      </c>
      <c r="N96" s="96">
        <v>1228</v>
      </c>
      <c r="O96" s="103">
        <v>5670</v>
      </c>
      <c r="P96" s="236">
        <v>46020</v>
      </c>
      <c r="Q96" s="44"/>
    </row>
    <row r="97" spans="2:17" s="219" customFormat="1" ht="22.5" customHeight="1">
      <c r="B97" s="348" t="s">
        <v>674</v>
      </c>
      <c r="C97" s="373" t="s">
        <v>26</v>
      </c>
      <c r="D97" s="350"/>
      <c r="E97" s="39"/>
      <c r="F97" s="123">
        <v>240</v>
      </c>
      <c r="G97" s="105">
        <v>615</v>
      </c>
      <c r="H97" s="123">
        <v>260</v>
      </c>
      <c r="I97" s="105">
        <v>355</v>
      </c>
      <c r="J97" s="123">
        <v>42</v>
      </c>
      <c r="K97" s="94">
        <v>287</v>
      </c>
      <c r="L97" s="132">
        <v>286</v>
      </c>
      <c r="M97" s="242">
        <v>1546</v>
      </c>
      <c r="N97" s="96">
        <v>761</v>
      </c>
      <c r="O97" s="103">
        <v>386</v>
      </c>
      <c r="P97" s="236">
        <v>251.4</v>
      </c>
      <c r="Q97" s="44"/>
    </row>
    <row r="98" spans="2:17" s="219" customFormat="1" ht="22.5" customHeight="1">
      <c r="B98" s="348"/>
      <c r="C98" s="373" t="s">
        <v>27</v>
      </c>
      <c r="D98" s="350"/>
      <c r="E98" s="39"/>
      <c r="F98" s="123">
        <v>278</v>
      </c>
      <c r="G98" s="105">
        <v>603</v>
      </c>
      <c r="H98" s="123">
        <v>269</v>
      </c>
      <c r="I98" s="105">
        <v>334</v>
      </c>
      <c r="J98" s="123">
        <v>84</v>
      </c>
      <c r="K98" s="94">
        <v>365</v>
      </c>
      <c r="L98" s="132">
        <v>154</v>
      </c>
      <c r="M98" s="351">
        <v>335</v>
      </c>
      <c r="N98" s="96">
        <v>19</v>
      </c>
      <c r="O98" s="277">
        <v>0</v>
      </c>
      <c r="P98" s="236">
        <v>55.6</v>
      </c>
      <c r="Q98" s="44"/>
    </row>
    <row r="99" spans="2:17" s="219" customFormat="1" ht="22.5" customHeight="1">
      <c r="B99" s="348" t="s">
        <v>675</v>
      </c>
      <c r="C99" s="373"/>
      <c r="D99" s="350"/>
      <c r="E99" s="39"/>
      <c r="F99" s="123">
        <v>353</v>
      </c>
      <c r="G99" s="105">
        <v>787</v>
      </c>
      <c r="H99" s="123">
        <v>376</v>
      </c>
      <c r="I99" s="105">
        <v>411</v>
      </c>
      <c r="J99" s="123">
        <v>72</v>
      </c>
      <c r="K99" s="94">
        <v>510</v>
      </c>
      <c r="L99" s="132">
        <v>205</v>
      </c>
      <c r="M99" s="351">
        <v>409</v>
      </c>
      <c r="N99" s="96">
        <v>74</v>
      </c>
      <c r="O99" s="277">
        <v>0</v>
      </c>
      <c r="P99" s="106">
        <v>52</v>
      </c>
      <c r="Q99" s="44"/>
    </row>
    <row r="100" spans="2:17" s="219" customFormat="1" ht="21.75" customHeight="1">
      <c r="B100" s="348" t="s">
        <v>676</v>
      </c>
      <c r="C100" s="373" t="s">
        <v>26</v>
      </c>
      <c r="D100" s="350"/>
      <c r="E100" s="32"/>
      <c r="F100" s="91">
        <v>1182</v>
      </c>
      <c r="G100" s="91">
        <v>2479</v>
      </c>
      <c r="H100" s="94">
        <v>1179</v>
      </c>
      <c r="I100" s="105">
        <v>1300</v>
      </c>
      <c r="J100" s="123">
        <v>347</v>
      </c>
      <c r="K100" s="94">
        <v>1642</v>
      </c>
      <c r="L100" s="132">
        <v>488</v>
      </c>
      <c r="M100" s="351">
        <v>2115</v>
      </c>
      <c r="N100" s="96">
        <v>811</v>
      </c>
      <c r="O100" s="96">
        <v>124</v>
      </c>
      <c r="P100" s="106">
        <v>85.4</v>
      </c>
      <c r="Q100" s="44"/>
    </row>
    <row r="101" spans="2:17" s="219" customFormat="1" ht="21.75" customHeight="1">
      <c r="B101" s="348"/>
      <c r="C101" s="373" t="s">
        <v>27</v>
      </c>
      <c r="D101" s="350"/>
      <c r="E101" s="32"/>
      <c r="F101" s="91">
        <v>783</v>
      </c>
      <c r="G101" s="91">
        <v>1746</v>
      </c>
      <c r="H101" s="94">
        <v>838</v>
      </c>
      <c r="I101" s="105">
        <v>908</v>
      </c>
      <c r="J101" s="123">
        <v>236</v>
      </c>
      <c r="K101" s="94">
        <v>1211</v>
      </c>
      <c r="L101" s="132">
        <v>299</v>
      </c>
      <c r="M101" s="351">
        <v>2764</v>
      </c>
      <c r="N101" s="96">
        <v>505</v>
      </c>
      <c r="O101" s="96">
        <v>1516</v>
      </c>
      <c r="P101" s="106">
        <v>158.30000000000001</v>
      </c>
      <c r="Q101" s="44"/>
    </row>
    <row r="102" spans="2:17" s="219" customFormat="1" ht="21.75" customHeight="1">
      <c r="B102" s="348"/>
      <c r="C102" s="373" t="s">
        <v>28</v>
      </c>
      <c r="D102" s="350"/>
      <c r="E102" s="32"/>
      <c r="F102" s="91">
        <v>1122</v>
      </c>
      <c r="G102" s="91">
        <v>2255</v>
      </c>
      <c r="H102" s="94">
        <v>1121</v>
      </c>
      <c r="I102" s="105">
        <v>1134</v>
      </c>
      <c r="J102" s="123">
        <v>278</v>
      </c>
      <c r="K102" s="94">
        <v>1651</v>
      </c>
      <c r="L102" s="132">
        <v>324</v>
      </c>
      <c r="M102" s="351">
        <v>1554</v>
      </c>
      <c r="N102" s="96">
        <v>651</v>
      </c>
      <c r="O102" s="277">
        <v>0</v>
      </c>
      <c r="P102" s="106">
        <v>69</v>
      </c>
      <c r="Q102" s="44"/>
    </row>
    <row r="103" spans="2:17" s="219" customFormat="1" ht="21.75" customHeight="1">
      <c r="B103" s="348"/>
      <c r="C103" s="373" t="s">
        <v>29</v>
      </c>
      <c r="D103" s="350"/>
      <c r="E103" s="32"/>
      <c r="F103" s="91">
        <v>938</v>
      </c>
      <c r="G103" s="91">
        <v>1959</v>
      </c>
      <c r="H103" s="94">
        <v>937</v>
      </c>
      <c r="I103" s="105">
        <v>1022</v>
      </c>
      <c r="J103" s="123">
        <v>218</v>
      </c>
      <c r="K103" s="94">
        <v>1279</v>
      </c>
      <c r="L103" s="132">
        <v>462</v>
      </c>
      <c r="M103" s="351">
        <v>1074</v>
      </c>
      <c r="N103" s="96">
        <v>178</v>
      </c>
      <c r="O103" s="277">
        <v>0</v>
      </c>
      <c r="P103" s="106">
        <v>54.8</v>
      </c>
      <c r="Q103" s="44"/>
    </row>
    <row r="104" spans="2:17" s="219" customFormat="1" ht="21.75" customHeight="1">
      <c r="B104" s="348"/>
      <c r="C104" s="373" t="s">
        <v>30</v>
      </c>
      <c r="D104" s="350"/>
      <c r="E104" s="32"/>
      <c r="F104" s="91">
        <v>306</v>
      </c>
      <c r="G104" s="91">
        <v>771</v>
      </c>
      <c r="H104" s="94">
        <v>366</v>
      </c>
      <c r="I104" s="105">
        <v>405</v>
      </c>
      <c r="J104" s="123">
        <v>87</v>
      </c>
      <c r="K104" s="94">
        <v>510</v>
      </c>
      <c r="L104" s="132">
        <v>174</v>
      </c>
      <c r="M104" s="351">
        <v>424</v>
      </c>
      <c r="N104" s="96">
        <v>71</v>
      </c>
      <c r="O104" s="277">
        <v>0</v>
      </c>
      <c r="P104" s="106">
        <v>55</v>
      </c>
      <c r="Q104" s="44"/>
    </row>
    <row r="105" spans="2:17" s="219" customFormat="1" ht="21.75" customHeight="1">
      <c r="B105" s="348" t="s">
        <v>677</v>
      </c>
      <c r="C105" s="373" t="s">
        <v>26</v>
      </c>
      <c r="D105" s="350"/>
      <c r="E105" s="32"/>
      <c r="F105" s="91">
        <v>657</v>
      </c>
      <c r="G105" s="91">
        <v>1587</v>
      </c>
      <c r="H105" s="94">
        <v>748</v>
      </c>
      <c r="I105" s="105">
        <v>839</v>
      </c>
      <c r="J105" s="123">
        <v>200</v>
      </c>
      <c r="K105" s="94">
        <v>959</v>
      </c>
      <c r="L105" s="132">
        <v>410</v>
      </c>
      <c r="M105" s="351">
        <v>1740</v>
      </c>
      <c r="N105" s="96">
        <v>928</v>
      </c>
      <c r="O105" s="277">
        <v>0</v>
      </c>
      <c r="P105" s="106">
        <v>110.9</v>
      </c>
      <c r="Q105" s="44"/>
    </row>
    <row r="106" spans="2:17" s="219" customFormat="1" ht="21.75" customHeight="1">
      <c r="B106" s="348"/>
      <c r="C106" s="373" t="s">
        <v>27</v>
      </c>
      <c r="D106" s="350"/>
      <c r="E106" s="32"/>
      <c r="F106" s="91">
        <v>862</v>
      </c>
      <c r="G106" s="91">
        <v>2037</v>
      </c>
      <c r="H106" s="94">
        <v>994</v>
      </c>
      <c r="I106" s="105">
        <v>1043</v>
      </c>
      <c r="J106" s="123">
        <v>389</v>
      </c>
      <c r="K106" s="94">
        <v>1351</v>
      </c>
      <c r="L106" s="132">
        <v>297</v>
      </c>
      <c r="M106" s="351">
        <v>2185</v>
      </c>
      <c r="N106" s="96">
        <v>604</v>
      </c>
      <c r="O106" s="96">
        <v>735</v>
      </c>
      <c r="P106" s="106">
        <v>107.3</v>
      </c>
      <c r="Q106" s="44"/>
    </row>
    <row r="107" spans="2:17" s="219" customFormat="1" ht="21.75" customHeight="1">
      <c r="B107" s="348" t="s">
        <v>123</v>
      </c>
      <c r="C107" s="373" t="s">
        <v>28</v>
      </c>
      <c r="D107" s="350"/>
      <c r="E107" s="32"/>
      <c r="F107" s="91">
        <v>673</v>
      </c>
      <c r="G107" s="91">
        <v>1672</v>
      </c>
      <c r="H107" s="94">
        <v>807</v>
      </c>
      <c r="I107" s="105">
        <v>865</v>
      </c>
      <c r="J107" s="123">
        <v>261</v>
      </c>
      <c r="K107" s="94">
        <v>1041</v>
      </c>
      <c r="L107" s="132">
        <v>358</v>
      </c>
      <c r="M107" s="351">
        <v>854</v>
      </c>
      <c r="N107" s="96">
        <v>208</v>
      </c>
      <c r="O107" s="277">
        <v>0</v>
      </c>
      <c r="P107" s="106">
        <v>51.4</v>
      </c>
      <c r="Q107" s="44"/>
    </row>
    <row r="108" spans="2:17" s="219" customFormat="1" ht="21.75" customHeight="1">
      <c r="B108" s="348"/>
      <c r="C108" s="373" t="s">
        <v>29</v>
      </c>
      <c r="D108" s="350"/>
      <c r="E108" s="32"/>
      <c r="F108" s="91">
        <v>355</v>
      </c>
      <c r="G108" s="91">
        <v>800</v>
      </c>
      <c r="H108" s="94">
        <v>385</v>
      </c>
      <c r="I108" s="105">
        <v>415</v>
      </c>
      <c r="J108" s="123">
        <v>88</v>
      </c>
      <c r="K108" s="94">
        <v>495</v>
      </c>
      <c r="L108" s="132">
        <v>203</v>
      </c>
      <c r="M108" s="351">
        <v>552</v>
      </c>
      <c r="N108" s="96">
        <v>231</v>
      </c>
      <c r="O108" s="277">
        <v>0</v>
      </c>
      <c r="P108" s="106">
        <v>70.2</v>
      </c>
      <c r="Q108" s="44"/>
    </row>
    <row r="109" spans="2:17" s="219" customFormat="1" ht="21.75" customHeight="1">
      <c r="B109" s="348"/>
      <c r="C109" s="373" t="s">
        <v>30</v>
      </c>
      <c r="D109" s="350"/>
      <c r="E109" s="32"/>
      <c r="F109" s="91">
        <v>838</v>
      </c>
      <c r="G109" s="91">
        <v>1919</v>
      </c>
      <c r="H109" s="94">
        <v>931</v>
      </c>
      <c r="I109" s="105">
        <v>988</v>
      </c>
      <c r="J109" s="123">
        <v>197</v>
      </c>
      <c r="K109" s="94">
        <v>1131</v>
      </c>
      <c r="L109" s="132">
        <v>518</v>
      </c>
      <c r="M109" s="351">
        <v>1186</v>
      </c>
      <c r="N109" s="96">
        <v>318</v>
      </c>
      <c r="O109" s="277">
        <v>0</v>
      </c>
      <c r="P109" s="106">
        <v>64.2</v>
      </c>
      <c r="Q109" s="44"/>
    </row>
    <row r="110" spans="2:17" s="219" customFormat="1" ht="21" customHeight="1">
      <c r="B110" s="348"/>
      <c r="C110" s="373" t="s">
        <v>31</v>
      </c>
      <c r="D110" s="350"/>
      <c r="E110" s="32"/>
      <c r="F110" s="91">
        <v>617</v>
      </c>
      <c r="G110" s="91">
        <v>1333</v>
      </c>
      <c r="H110" s="94">
        <v>650</v>
      </c>
      <c r="I110" s="105">
        <v>683</v>
      </c>
      <c r="J110" s="123">
        <v>159</v>
      </c>
      <c r="K110" s="94">
        <v>737</v>
      </c>
      <c r="L110" s="132">
        <v>375</v>
      </c>
      <c r="M110" s="351">
        <v>980</v>
      </c>
      <c r="N110" s="96">
        <v>171</v>
      </c>
      <c r="O110" s="96">
        <v>257</v>
      </c>
      <c r="P110" s="106">
        <v>77.099999999999994</v>
      </c>
      <c r="Q110" s="44"/>
    </row>
    <row r="111" spans="2:17" s="219" customFormat="1" ht="21" customHeight="1">
      <c r="B111" s="348"/>
      <c r="C111" s="373" t="s">
        <v>32</v>
      </c>
      <c r="D111" s="350"/>
      <c r="E111" s="32"/>
      <c r="F111" s="91">
        <v>488</v>
      </c>
      <c r="G111" s="91">
        <v>1006</v>
      </c>
      <c r="H111" s="94">
        <v>502</v>
      </c>
      <c r="I111" s="105">
        <v>504</v>
      </c>
      <c r="J111" s="123">
        <v>72</v>
      </c>
      <c r="K111" s="94">
        <v>517</v>
      </c>
      <c r="L111" s="132">
        <v>241</v>
      </c>
      <c r="M111" s="351">
        <v>542</v>
      </c>
      <c r="N111" s="96">
        <v>135</v>
      </c>
      <c r="O111" s="277">
        <v>0</v>
      </c>
      <c r="P111" s="106">
        <v>65.3</v>
      </c>
      <c r="Q111" s="44"/>
    </row>
    <row r="112" spans="2:17" s="219" customFormat="1" ht="21" customHeight="1">
      <c r="B112" s="348" t="s">
        <v>678</v>
      </c>
      <c r="C112" s="373" t="s">
        <v>26</v>
      </c>
      <c r="D112" s="350"/>
      <c r="E112" s="32"/>
      <c r="F112" s="91">
        <v>1358</v>
      </c>
      <c r="G112" s="91">
        <v>3211</v>
      </c>
      <c r="H112" s="94">
        <v>1510</v>
      </c>
      <c r="I112" s="105">
        <v>1701</v>
      </c>
      <c r="J112" s="123">
        <v>397</v>
      </c>
      <c r="K112" s="94">
        <v>2029</v>
      </c>
      <c r="L112" s="132">
        <v>785</v>
      </c>
      <c r="M112" s="351">
        <v>1796</v>
      </c>
      <c r="N112" s="96">
        <v>407</v>
      </c>
      <c r="O112" s="277">
        <v>0</v>
      </c>
      <c r="P112" s="106">
        <v>55.9</v>
      </c>
      <c r="Q112" s="44"/>
    </row>
    <row r="113" spans="1:17" s="219" customFormat="1" ht="21" customHeight="1">
      <c r="B113" s="357"/>
      <c r="C113" s="373" t="s">
        <v>27</v>
      </c>
      <c r="D113" s="358"/>
      <c r="E113" s="32"/>
      <c r="F113" s="91">
        <v>1210</v>
      </c>
      <c r="G113" s="91">
        <v>2969</v>
      </c>
      <c r="H113" s="91">
        <v>1414</v>
      </c>
      <c r="I113" s="105">
        <v>1555</v>
      </c>
      <c r="J113" s="123">
        <v>416</v>
      </c>
      <c r="K113" s="94">
        <v>1842</v>
      </c>
      <c r="L113" s="132">
        <v>710</v>
      </c>
      <c r="M113" s="351">
        <v>2581</v>
      </c>
      <c r="N113" s="96">
        <v>933</v>
      </c>
      <c r="O113" s="96">
        <v>431</v>
      </c>
      <c r="P113" s="106">
        <v>87</v>
      </c>
      <c r="Q113" s="44"/>
    </row>
    <row r="114" spans="1:17" s="219" customFormat="1" ht="18.75" customHeight="1">
      <c r="A114" s="220"/>
      <c r="B114" s="352"/>
      <c r="C114" s="374" t="s">
        <v>28</v>
      </c>
      <c r="D114" s="354"/>
      <c r="E114" s="40"/>
      <c r="F114" s="115">
        <v>1138</v>
      </c>
      <c r="G114" s="115">
        <v>2759</v>
      </c>
      <c r="H114" s="115">
        <v>1330</v>
      </c>
      <c r="I114" s="114">
        <v>1429</v>
      </c>
      <c r="J114" s="127">
        <v>413</v>
      </c>
      <c r="K114" s="118">
        <v>1862</v>
      </c>
      <c r="L114" s="276">
        <v>484</v>
      </c>
      <c r="M114" s="355">
        <v>1796</v>
      </c>
      <c r="N114" s="120">
        <v>547</v>
      </c>
      <c r="O114" s="280">
        <v>0</v>
      </c>
      <c r="P114" s="122">
        <v>65.099999999999994</v>
      </c>
      <c r="Q114" s="44"/>
    </row>
    <row r="115" spans="1:17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1:17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1:17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1:17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1:17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1:17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1:17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1:17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1:17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1:17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1:17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1:17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1:17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1:17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1" fitToHeight="0" orientation="portrait" r:id="rId1"/>
  <headerFooter alignWithMargins="0"/>
  <rowBreaks count="2" manualBreakCount="2">
    <brk id="46" max="15" man="1"/>
    <brk id="86" max="15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142"/>
  <sheetViews>
    <sheetView zoomScaleNormal="100" zoomScaleSheetLayoutView="115" workbookViewId="0">
      <pane ySplit="8" topLeftCell="A9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5" width="9.83203125" style="45" customWidth="1"/>
    <col min="16" max="16" width="10.83203125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7" t="s">
        <v>679</v>
      </c>
    </row>
    <row r="6" spans="1:16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16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16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16" s="219" customFormat="1" ht="19.899999999999999" customHeight="1">
      <c r="B9" s="471" t="s">
        <v>92</v>
      </c>
      <c r="C9" s="472"/>
      <c r="D9" s="383"/>
      <c r="E9" s="32"/>
      <c r="F9" s="152">
        <v>60347</v>
      </c>
      <c r="G9" s="152">
        <v>135016</v>
      </c>
      <c r="H9" s="152">
        <v>64031</v>
      </c>
      <c r="I9" s="81">
        <v>70985</v>
      </c>
      <c r="J9" s="346">
        <v>16990</v>
      </c>
      <c r="K9" s="83">
        <v>86137</v>
      </c>
      <c r="L9" s="287">
        <v>31042</v>
      </c>
      <c r="M9" s="347">
        <v>118358</v>
      </c>
      <c r="N9" s="85">
        <v>45677</v>
      </c>
      <c r="O9" s="85">
        <v>12752</v>
      </c>
      <c r="P9" s="86">
        <v>88.2</v>
      </c>
    </row>
    <row r="10" spans="1:16" s="219" customFormat="1" ht="6" customHeight="1">
      <c r="B10" s="348"/>
      <c r="C10" s="373"/>
      <c r="D10" s="350"/>
      <c r="E10" s="32"/>
      <c r="F10" s="91"/>
      <c r="G10" s="91"/>
      <c r="H10" s="91"/>
      <c r="I10" s="105"/>
      <c r="J10" s="123"/>
      <c r="K10" s="94"/>
      <c r="L10" s="132"/>
      <c r="M10" s="242"/>
      <c r="N10" s="96"/>
      <c r="O10" s="96"/>
      <c r="P10" s="106"/>
    </row>
    <row r="11" spans="1:16" s="219" customFormat="1" ht="19.899999999999999" customHeight="1">
      <c r="B11" s="348" t="s">
        <v>680</v>
      </c>
      <c r="C11" s="373" t="s">
        <v>26</v>
      </c>
      <c r="D11" s="350"/>
      <c r="E11" s="32"/>
      <c r="F11" s="295" t="s">
        <v>192</v>
      </c>
      <c r="G11" s="295" t="s">
        <v>192</v>
      </c>
      <c r="H11" s="295" t="s">
        <v>192</v>
      </c>
      <c r="I11" s="295" t="s">
        <v>192</v>
      </c>
      <c r="J11" s="295" t="s">
        <v>192</v>
      </c>
      <c r="K11" s="295" t="s">
        <v>192</v>
      </c>
      <c r="L11" s="295" t="s">
        <v>192</v>
      </c>
      <c r="M11" s="242">
        <v>3008</v>
      </c>
      <c r="N11" s="96">
        <v>3008</v>
      </c>
      <c r="O11" s="277">
        <v>0</v>
      </c>
      <c r="P11" s="295" t="s">
        <v>96</v>
      </c>
    </row>
    <row r="12" spans="1:16" s="219" customFormat="1" ht="19.899999999999999" customHeight="1">
      <c r="B12" s="348"/>
      <c r="C12" s="373" t="s">
        <v>27</v>
      </c>
      <c r="D12" s="350"/>
      <c r="E12" s="32"/>
      <c r="F12" s="91">
        <v>351</v>
      </c>
      <c r="G12" s="91">
        <v>897</v>
      </c>
      <c r="H12" s="91">
        <v>447</v>
      </c>
      <c r="I12" s="105">
        <v>450</v>
      </c>
      <c r="J12" s="123">
        <v>98</v>
      </c>
      <c r="K12" s="94">
        <v>612</v>
      </c>
      <c r="L12" s="132">
        <v>187</v>
      </c>
      <c r="M12" s="242">
        <v>1449</v>
      </c>
      <c r="N12" s="96">
        <v>1122</v>
      </c>
      <c r="O12" s="277">
        <v>0</v>
      </c>
      <c r="P12" s="106">
        <v>161.5</v>
      </c>
    </row>
    <row r="13" spans="1:16" s="219" customFormat="1" ht="19.899999999999999" customHeight="1">
      <c r="B13" s="348"/>
      <c r="C13" s="373" t="s">
        <v>28</v>
      </c>
      <c r="D13" s="350"/>
      <c r="E13" s="32"/>
      <c r="F13" s="91">
        <v>1</v>
      </c>
      <c r="G13" s="91">
        <v>49</v>
      </c>
      <c r="H13" s="91">
        <v>33</v>
      </c>
      <c r="I13" s="105">
        <v>16</v>
      </c>
      <c r="J13" s="295" t="s">
        <v>192</v>
      </c>
      <c r="K13" s="94">
        <v>49</v>
      </c>
      <c r="L13" s="295" t="s">
        <v>192</v>
      </c>
      <c r="M13" s="242">
        <v>238</v>
      </c>
      <c r="N13" s="96">
        <v>189</v>
      </c>
      <c r="O13" s="277">
        <v>0</v>
      </c>
      <c r="P13" s="236">
        <v>485.7</v>
      </c>
    </row>
    <row r="14" spans="1:16" s="219" customFormat="1" ht="19.899999999999999" customHeight="1">
      <c r="B14" s="348"/>
      <c r="C14" s="373" t="s">
        <v>29</v>
      </c>
      <c r="D14" s="350"/>
      <c r="E14" s="32"/>
      <c r="F14" s="91">
        <v>172</v>
      </c>
      <c r="G14" s="91">
        <v>405</v>
      </c>
      <c r="H14" s="91">
        <v>217</v>
      </c>
      <c r="I14" s="105">
        <v>188</v>
      </c>
      <c r="J14" s="123">
        <v>60</v>
      </c>
      <c r="K14" s="94">
        <v>290</v>
      </c>
      <c r="L14" s="132">
        <v>53</v>
      </c>
      <c r="M14" s="351">
        <v>1085</v>
      </c>
      <c r="N14" s="96">
        <v>952</v>
      </c>
      <c r="O14" s="277">
        <v>0</v>
      </c>
      <c r="P14" s="106">
        <v>269.2</v>
      </c>
    </row>
    <row r="15" spans="1:16" s="219" customFormat="1" ht="19.899999999999999" customHeight="1">
      <c r="B15" s="348" t="s">
        <v>681</v>
      </c>
      <c r="C15" s="373" t="s">
        <v>26</v>
      </c>
      <c r="D15" s="350"/>
      <c r="E15" s="32"/>
      <c r="F15" s="91">
        <v>669</v>
      </c>
      <c r="G15" s="91">
        <v>1402</v>
      </c>
      <c r="H15" s="91">
        <v>667</v>
      </c>
      <c r="I15" s="105">
        <v>735</v>
      </c>
      <c r="J15" s="123">
        <v>152</v>
      </c>
      <c r="K15" s="94">
        <v>1017</v>
      </c>
      <c r="L15" s="132">
        <v>231</v>
      </c>
      <c r="M15" s="351">
        <v>1581</v>
      </c>
      <c r="N15" s="96">
        <v>1025</v>
      </c>
      <c r="O15" s="277">
        <v>0</v>
      </c>
      <c r="P15" s="106">
        <v>112.9</v>
      </c>
    </row>
    <row r="16" spans="1:16" s="219" customFormat="1" ht="19.899999999999999" customHeight="1">
      <c r="B16" s="348"/>
      <c r="C16" s="373" t="s">
        <v>27</v>
      </c>
      <c r="D16" s="350"/>
      <c r="E16" s="32"/>
      <c r="F16" s="91">
        <v>443</v>
      </c>
      <c r="G16" s="91">
        <v>1068</v>
      </c>
      <c r="H16" s="91">
        <v>513</v>
      </c>
      <c r="I16" s="105">
        <v>555</v>
      </c>
      <c r="J16" s="123">
        <v>187</v>
      </c>
      <c r="K16" s="94">
        <v>720</v>
      </c>
      <c r="L16" s="132">
        <v>161</v>
      </c>
      <c r="M16" s="351">
        <v>816</v>
      </c>
      <c r="N16" s="96">
        <v>421</v>
      </c>
      <c r="O16" s="277">
        <v>0</v>
      </c>
      <c r="P16" s="106">
        <v>76.400000000000006</v>
      </c>
    </row>
    <row r="17" spans="2:16" s="219" customFormat="1" ht="19.899999999999999" customHeight="1">
      <c r="B17" s="348"/>
      <c r="C17" s="373" t="s">
        <v>28</v>
      </c>
      <c r="D17" s="350"/>
      <c r="E17" s="32"/>
      <c r="F17" s="91">
        <v>276</v>
      </c>
      <c r="G17" s="91">
        <v>671</v>
      </c>
      <c r="H17" s="91">
        <v>311</v>
      </c>
      <c r="I17" s="105">
        <v>360</v>
      </c>
      <c r="J17" s="123">
        <v>109</v>
      </c>
      <c r="K17" s="94">
        <v>431</v>
      </c>
      <c r="L17" s="132">
        <v>131</v>
      </c>
      <c r="M17" s="351">
        <v>504</v>
      </c>
      <c r="N17" s="96">
        <v>261</v>
      </c>
      <c r="O17" s="277">
        <v>0</v>
      </c>
      <c r="P17" s="106">
        <v>75.099999999999994</v>
      </c>
    </row>
    <row r="18" spans="2:16" s="219" customFormat="1" ht="19.899999999999999" customHeight="1">
      <c r="B18" s="348"/>
      <c r="C18" s="373" t="s">
        <v>29</v>
      </c>
      <c r="D18" s="350"/>
      <c r="E18" s="32"/>
      <c r="F18" s="91">
        <v>453</v>
      </c>
      <c r="G18" s="91">
        <v>1145</v>
      </c>
      <c r="H18" s="91">
        <v>552</v>
      </c>
      <c r="I18" s="105">
        <v>593</v>
      </c>
      <c r="J18" s="123">
        <v>206</v>
      </c>
      <c r="K18" s="94">
        <v>709</v>
      </c>
      <c r="L18" s="132">
        <v>230</v>
      </c>
      <c r="M18" s="351">
        <v>1499</v>
      </c>
      <c r="N18" s="96">
        <v>392</v>
      </c>
      <c r="O18" s="96">
        <v>675</v>
      </c>
      <c r="P18" s="106">
        <v>130.9</v>
      </c>
    </row>
    <row r="19" spans="2:16" s="219" customFormat="1" ht="19.899999999999999" customHeight="1">
      <c r="B19" s="348" t="s">
        <v>123</v>
      </c>
      <c r="C19" s="373" t="s">
        <v>30</v>
      </c>
      <c r="D19" s="350"/>
      <c r="E19" s="32"/>
      <c r="F19" s="91">
        <v>573</v>
      </c>
      <c r="G19" s="91">
        <v>1223</v>
      </c>
      <c r="H19" s="91">
        <v>586</v>
      </c>
      <c r="I19" s="105">
        <v>637</v>
      </c>
      <c r="J19" s="123">
        <v>146</v>
      </c>
      <c r="K19" s="94">
        <v>864</v>
      </c>
      <c r="L19" s="132">
        <v>209</v>
      </c>
      <c r="M19" s="351">
        <v>1161</v>
      </c>
      <c r="N19" s="96">
        <v>740</v>
      </c>
      <c r="O19" s="277">
        <v>0</v>
      </c>
      <c r="P19" s="106">
        <v>95.2</v>
      </c>
    </row>
    <row r="20" spans="2:16" s="219" customFormat="1" ht="19.899999999999999" customHeight="1">
      <c r="B20" s="348"/>
      <c r="C20" s="373" t="s">
        <v>31</v>
      </c>
      <c r="D20" s="350"/>
      <c r="E20" s="32"/>
      <c r="F20" s="91">
        <v>328</v>
      </c>
      <c r="G20" s="91">
        <v>695</v>
      </c>
      <c r="H20" s="91">
        <v>333</v>
      </c>
      <c r="I20" s="105">
        <v>362</v>
      </c>
      <c r="J20" s="123">
        <v>71</v>
      </c>
      <c r="K20" s="94">
        <v>472</v>
      </c>
      <c r="L20" s="132">
        <v>130</v>
      </c>
      <c r="M20" s="351">
        <v>605</v>
      </c>
      <c r="N20" s="96">
        <v>326</v>
      </c>
      <c r="O20" s="277">
        <v>0</v>
      </c>
      <c r="P20" s="106">
        <v>89.9</v>
      </c>
    </row>
    <row r="21" spans="2:16" s="219" customFormat="1" ht="19.899999999999999" customHeight="1">
      <c r="B21" s="348"/>
      <c r="C21" s="373" t="s">
        <v>32</v>
      </c>
      <c r="D21" s="350"/>
      <c r="E21" s="32"/>
      <c r="F21" s="91">
        <v>511</v>
      </c>
      <c r="G21" s="91">
        <v>1347</v>
      </c>
      <c r="H21" s="91">
        <v>650</v>
      </c>
      <c r="I21" s="105">
        <v>697</v>
      </c>
      <c r="J21" s="123">
        <v>193</v>
      </c>
      <c r="K21" s="94">
        <v>865</v>
      </c>
      <c r="L21" s="132">
        <v>289</v>
      </c>
      <c r="M21" s="351">
        <v>1127</v>
      </c>
      <c r="N21" s="96">
        <v>647</v>
      </c>
      <c r="O21" s="277">
        <v>0</v>
      </c>
      <c r="P21" s="106">
        <v>83.7</v>
      </c>
    </row>
    <row r="22" spans="2:16" s="219" customFormat="1" ht="19.899999999999999" customHeight="1">
      <c r="B22" s="348"/>
      <c r="C22" s="373" t="s">
        <v>33</v>
      </c>
      <c r="D22" s="350"/>
      <c r="E22" s="32"/>
      <c r="F22" s="91">
        <v>481</v>
      </c>
      <c r="G22" s="91">
        <v>1230</v>
      </c>
      <c r="H22" s="91">
        <v>581</v>
      </c>
      <c r="I22" s="105">
        <v>649</v>
      </c>
      <c r="J22" s="123">
        <v>163</v>
      </c>
      <c r="K22" s="94">
        <v>802</v>
      </c>
      <c r="L22" s="132">
        <v>265</v>
      </c>
      <c r="M22" s="351">
        <v>816</v>
      </c>
      <c r="N22" s="96">
        <v>306</v>
      </c>
      <c r="O22" s="277">
        <v>0</v>
      </c>
      <c r="P22" s="106">
        <v>66.3</v>
      </c>
    </row>
    <row r="23" spans="2:16" s="219" customFormat="1" ht="19.899999999999999" customHeight="1">
      <c r="B23" s="348" t="s">
        <v>682</v>
      </c>
      <c r="C23" s="373" t="s">
        <v>26</v>
      </c>
      <c r="D23" s="350"/>
      <c r="E23" s="32"/>
      <c r="F23" s="91">
        <v>163</v>
      </c>
      <c r="G23" s="91">
        <v>402</v>
      </c>
      <c r="H23" s="91">
        <v>185</v>
      </c>
      <c r="I23" s="105">
        <v>217</v>
      </c>
      <c r="J23" s="123">
        <v>57</v>
      </c>
      <c r="K23" s="94">
        <v>253</v>
      </c>
      <c r="L23" s="132">
        <v>92</v>
      </c>
      <c r="M23" s="351">
        <v>1060</v>
      </c>
      <c r="N23" s="96">
        <v>318</v>
      </c>
      <c r="O23" s="96">
        <v>598</v>
      </c>
      <c r="P23" s="106">
        <v>263.7</v>
      </c>
    </row>
    <row r="24" spans="2:16" s="219" customFormat="1" ht="19.899999999999999" customHeight="1">
      <c r="B24" s="348"/>
      <c r="C24" s="373" t="s">
        <v>27</v>
      </c>
      <c r="D24" s="350"/>
      <c r="E24" s="32"/>
      <c r="F24" s="91">
        <v>188</v>
      </c>
      <c r="G24" s="91">
        <v>481</v>
      </c>
      <c r="H24" s="91">
        <v>228</v>
      </c>
      <c r="I24" s="105">
        <v>253</v>
      </c>
      <c r="J24" s="123">
        <v>72</v>
      </c>
      <c r="K24" s="94">
        <v>291</v>
      </c>
      <c r="L24" s="132">
        <v>118</v>
      </c>
      <c r="M24" s="351">
        <v>505</v>
      </c>
      <c r="N24" s="96">
        <v>275</v>
      </c>
      <c r="O24" s="277">
        <v>0</v>
      </c>
      <c r="P24" s="106">
        <v>105</v>
      </c>
    </row>
    <row r="25" spans="2:16" s="219" customFormat="1" ht="19.899999999999999" customHeight="1">
      <c r="B25" s="348"/>
      <c r="C25" s="373" t="s">
        <v>28</v>
      </c>
      <c r="D25" s="350"/>
      <c r="E25" s="32"/>
      <c r="F25" s="91">
        <v>317</v>
      </c>
      <c r="G25" s="91">
        <v>840</v>
      </c>
      <c r="H25" s="91">
        <v>389</v>
      </c>
      <c r="I25" s="105">
        <v>451</v>
      </c>
      <c r="J25" s="123">
        <v>139</v>
      </c>
      <c r="K25" s="94">
        <v>527</v>
      </c>
      <c r="L25" s="132">
        <v>174</v>
      </c>
      <c r="M25" s="351">
        <v>765</v>
      </c>
      <c r="N25" s="96">
        <v>445</v>
      </c>
      <c r="O25" s="277">
        <v>0</v>
      </c>
      <c r="P25" s="106">
        <v>91.1</v>
      </c>
    </row>
    <row r="26" spans="2:16" s="219" customFormat="1" ht="19.899999999999999" customHeight="1">
      <c r="B26" s="348"/>
      <c r="C26" s="373" t="s">
        <v>29</v>
      </c>
      <c r="D26" s="350"/>
      <c r="E26" s="32"/>
      <c r="F26" s="91">
        <v>957</v>
      </c>
      <c r="G26" s="91">
        <v>2403</v>
      </c>
      <c r="H26" s="91">
        <v>1180</v>
      </c>
      <c r="I26" s="105">
        <v>1223</v>
      </c>
      <c r="J26" s="123">
        <v>379</v>
      </c>
      <c r="K26" s="94">
        <v>1558</v>
      </c>
      <c r="L26" s="132">
        <v>466</v>
      </c>
      <c r="M26" s="351">
        <v>2577</v>
      </c>
      <c r="N26" s="96">
        <v>981</v>
      </c>
      <c r="O26" s="96">
        <v>666</v>
      </c>
      <c r="P26" s="106">
        <v>107.2</v>
      </c>
    </row>
    <row r="27" spans="2:16" s="219" customFormat="1" ht="19.899999999999999" customHeight="1">
      <c r="B27" s="348"/>
      <c r="C27" s="373" t="s">
        <v>30</v>
      </c>
      <c r="D27" s="350"/>
      <c r="E27" s="32"/>
      <c r="F27" s="91">
        <v>254</v>
      </c>
      <c r="G27" s="91">
        <v>716</v>
      </c>
      <c r="H27" s="91">
        <v>345</v>
      </c>
      <c r="I27" s="105">
        <v>371</v>
      </c>
      <c r="J27" s="123">
        <v>140</v>
      </c>
      <c r="K27" s="94">
        <v>477</v>
      </c>
      <c r="L27" s="132">
        <v>99</v>
      </c>
      <c r="M27" s="351">
        <v>810</v>
      </c>
      <c r="N27" s="96">
        <v>519</v>
      </c>
      <c r="O27" s="277">
        <v>0</v>
      </c>
      <c r="P27" s="106">
        <v>113.1</v>
      </c>
    </row>
    <row r="28" spans="2:16" s="219" customFormat="1" ht="19.899999999999999" customHeight="1">
      <c r="B28" s="348"/>
      <c r="C28" s="373" t="s">
        <v>31</v>
      </c>
      <c r="D28" s="350"/>
      <c r="E28" s="32"/>
      <c r="F28" s="91">
        <v>228</v>
      </c>
      <c r="G28" s="91">
        <v>541</v>
      </c>
      <c r="H28" s="91">
        <v>285</v>
      </c>
      <c r="I28" s="105">
        <v>256</v>
      </c>
      <c r="J28" s="123">
        <v>87</v>
      </c>
      <c r="K28" s="94">
        <v>381</v>
      </c>
      <c r="L28" s="132">
        <v>73</v>
      </c>
      <c r="M28" s="351">
        <v>525</v>
      </c>
      <c r="N28" s="96">
        <v>296</v>
      </c>
      <c r="O28" s="277">
        <v>0</v>
      </c>
      <c r="P28" s="106">
        <v>97</v>
      </c>
    </row>
    <row r="29" spans="2:16" s="219" customFormat="1" ht="19.899999999999999" customHeight="1">
      <c r="B29" s="348"/>
      <c r="C29" s="373" t="s">
        <v>32</v>
      </c>
      <c r="D29" s="350"/>
      <c r="E29" s="32"/>
      <c r="F29" s="91">
        <v>665</v>
      </c>
      <c r="G29" s="91">
        <v>1603</v>
      </c>
      <c r="H29" s="91">
        <v>743</v>
      </c>
      <c r="I29" s="105">
        <v>860</v>
      </c>
      <c r="J29" s="123">
        <v>208</v>
      </c>
      <c r="K29" s="94">
        <v>1021</v>
      </c>
      <c r="L29" s="132">
        <v>374</v>
      </c>
      <c r="M29" s="351">
        <v>1199</v>
      </c>
      <c r="N29" s="96">
        <v>523</v>
      </c>
      <c r="O29" s="277">
        <v>0</v>
      </c>
      <c r="P29" s="106">
        <v>74.8</v>
      </c>
    </row>
    <row r="30" spans="2:16" s="219" customFormat="1" ht="19.899999999999999" customHeight="1">
      <c r="B30" s="348"/>
      <c r="C30" s="373" t="s">
        <v>33</v>
      </c>
      <c r="D30" s="350"/>
      <c r="E30" s="32"/>
      <c r="F30" s="91">
        <v>278</v>
      </c>
      <c r="G30" s="91">
        <v>707</v>
      </c>
      <c r="H30" s="91">
        <v>339</v>
      </c>
      <c r="I30" s="105">
        <v>368</v>
      </c>
      <c r="J30" s="123">
        <v>150</v>
      </c>
      <c r="K30" s="94">
        <v>455</v>
      </c>
      <c r="L30" s="132">
        <v>102</v>
      </c>
      <c r="M30" s="351">
        <v>1190</v>
      </c>
      <c r="N30" s="96">
        <v>885</v>
      </c>
      <c r="O30" s="277">
        <v>0</v>
      </c>
      <c r="P30" s="106">
        <v>168.3</v>
      </c>
    </row>
    <row r="31" spans="2:16" s="219" customFormat="1" ht="19.899999999999999" customHeight="1">
      <c r="B31" s="348" t="s">
        <v>683</v>
      </c>
      <c r="C31" s="373" t="s">
        <v>26</v>
      </c>
      <c r="D31" s="350"/>
      <c r="E31" s="32"/>
      <c r="F31" s="91">
        <v>580</v>
      </c>
      <c r="G31" s="91">
        <v>1351</v>
      </c>
      <c r="H31" s="91">
        <v>652</v>
      </c>
      <c r="I31" s="105">
        <v>699</v>
      </c>
      <c r="J31" s="123">
        <v>196</v>
      </c>
      <c r="K31" s="94">
        <v>900</v>
      </c>
      <c r="L31" s="132">
        <v>238</v>
      </c>
      <c r="M31" s="351">
        <v>739</v>
      </c>
      <c r="N31" s="96">
        <v>228</v>
      </c>
      <c r="O31" s="277">
        <v>0</v>
      </c>
      <c r="P31" s="106">
        <v>55.4</v>
      </c>
    </row>
    <row r="32" spans="2:16" s="219" customFormat="1" ht="19.899999999999999" customHeight="1">
      <c r="B32" s="348"/>
      <c r="C32" s="373" t="s">
        <v>27</v>
      </c>
      <c r="D32" s="350"/>
      <c r="E32" s="32"/>
      <c r="F32" s="91">
        <v>268</v>
      </c>
      <c r="G32" s="91">
        <v>715</v>
      </c>
      <c r="H32" s="91">
        <v>346</v>
      </c>
      <c r="I32" s="105">
        <v>369</v>
      </c>
      <c r="J32" s="123">
        <v>138</v>
      </c>
      <c r="K32" s="94">
        <v>494</v>
      </c>
      <c r="L32" s="132">
        <v>75</v>
      </c>
      <c r="M32" s="351">
        <v>558</v>
      </c>
      <c r="N32" s="96">
        <v>314</v>
      </c>
      <c r="O32" s="277">
        <v>0</v>
      </c>
      <c r="P32" s="106">
        <v>78.900000000000006</v>
      </c>
    </row>
    <row r="33" spans="1:17" s="219" customFormat="1" ht="19.899999999999999" customHeight="1">
      <c r="B33" s="348"/>
      <c r="C33" s="373" t="s">
        <v>28</v>
      </c>
      <c r="D33" s="350"/>
      <c r="E33" s="32"/>
      <c r="F33" s="91">
        <v>395</v>
      </c>
      <c r="G33" s="91">
        <v>823</v>
      </c>
      <c r="H33" s="91">
        <v>386</v>
      </c>
      <c r="I33" s="105">
        <v>437</v>
      </c>
      <c r="J33" s="123">
        <v>132</v>
      </c>
      <c r="K33" s="94">
        <v>589</v>
      </c>
      <c r="L33" s="132">
        <v>93</v>
      </c>
      <c r="M33" s="351">
        <v>555</v>
      </c>
      <c r="N33" s="96">
        <v>230</v>
      </c>
      <c r="O33" s="277">
        <v>0</v>
      </c>
      <c r="P33" s="106">
        <v>68.2</v>
      </c>
    </row>
    <row r="34" spans="1:17" s="219" customFormat="1" ht="19.899999999999999" customHeight="1">
      <c r="B34" s="348"/>
      <c r="C34" s="373" t="s">
        <v>29</v>
      </c>
      <c r="D34" s="350"/>
      <c r="E34" s="32"/>
      <c r="F34" s="91">
        <v>916</v>
      </c>
      <c r="G34" s="91">
        <v>1875</v>
      </c>
      <c r="H34" s="91">
        <v>928</v>
      </c>
      <c r="I34" s="105">
        <v>947</v>
      </c>
      <c r="J34" s="123">
        <v>270</v>
      </c>
      <c r="K34" s="94">
        <v>1278</v>
      </c>
      <c r="L34" s="132">
        <v>316</v>
      </c>
      <c r="M34" s="351">
        <v>2232</v>
      </c>
      <c r="N34" s="96">
        <v>757</v>
      </c>
      <c r="O34" s="96">
        <v>664</v>
      </c>
      <c r="P34" s="106">
        <v>119.7</v>
      </c>
    </row>
    <row r="35" spans="1:17" s="219" customFormat="1" ht="19.899999999999999" customHeight="1">
      <c r="B35" s="348" t="s">
        <v>684</v>
      </c>
      <c r="C35" s="373" t="s">
        <v>26</v>
      </c>
      <c r="D35" s="350"/>
      <c r="E35" s="32"/>
      <c r="F35" s="91">
        <v>1331</v>
      </c>
      <c r="G35" s="91">
        <v>3076</v>
      </c>
      <c r="H35" s="91">
        <v>1452</v>
      </c>
      <c r="I35" s="105">
        <v>1624</v>
      </c>
      <c r="J35" s="123">
        <v>515</v>
      </c>
      <c r="K35" s="94">
        <v>2108</v>
      </c>
      <c r="L35" s="132">
        <v>451</v>
      </c>
      <c r="M35" s="351">
        <v>2177</v>
      </c>
      <c r="N35" s="96">
        <v>872</v>
      </c>
      <c r="O35" s="277">
        <v>0</v>
      </c>
      <c r="P35" s="106">
        <v>70.8</v>
      </c>
    </row>
    <row r="36" spans="1:17" s="219" customFormat="1" ht="19.899999999999999" customHeight="1">
      <c r="B36" s="348"/>
      <c r="C36" s="373" t="s">
        <v>27</v>
      </c>
      <c r="D36" s="350"/>
      <c r="E36" s="32"/>
      <c r="F36" s="91">
        <v>641</v>
      </c>
      <c r="G36" s="91">
        <v>1501</v>
      </c>
      <c r="H36" s="91">
        <v>689</v>
      </c>
      <c r="I36" s="105">
        <v>812</v>
      </c>
      <c r="J36" s="123">
        <v>130</v>
      </c>
      <c r="K36" s="94">
        <v>997</v>
      </c>
      <c r="L36" s="132">
        <v>367</v>
      </c>
      <c r="M36" s="351">
        <v>1211</v>
      </c>
      <c r="N36" s="96">
        <v>559</v>
      </c>
      <c r="O36" s="277">
        <v>0</v>
      </c>
      <c r="P36" s="106">
        <v>81.099999999999994</v>
      </c>
    </row>
    <row r="37" spans="1:17" s="219" customFormat="1" ht="19.899999999999999" customHeight="1">
      <c r="B37" s="348"/>
      <c r="C37" s="373" t="s">
        <v>28</v>
      </c>
      <c r="D37" s="350"/>
      <c r="E37" s="32"/>
      <c r="F37" s="91">
        <v>1133</v>
      </c>
      <c r="G37" s="91">
        <v>2648</v>
      </c>
      <c r="H37" s="91">
        <v>1270</v>
      </c>
      <c r="I37" s="105">
        <v>1378</v>
      </c>
      <c r="J37" s="123">
        <v>316</v>
      </c>
      <c r="K37" s="94">
        <v>1651</v>
      </c>
      <c r="L37" s="132">
        <v>651</v>
      </c>
      <c r="M37" s="351">
        <v>1645</v>
      </c>
      <c r="N37" s="96">
        <v>595</v>
      </c>
      <c r="O37" s="277">
        <v>0</v>
      </c>
      <c r="P37" s="106">
        <v>62.8</v>
      </c>
    </row>
    <row r="38" spans="1:17" s="219" customFormat="1" ht="19.899999999999999" customHeight="1">
      <c r="B38" s="348"/>
      <c r="C38" s="373" t="s">
        <v>29</v>
      </c>
      <c r="D38" s="350"/>
      <c r="E38" s="32"/>
      <c r="F38" s="91">
        <v>665</v>
      </c>
      <c r="G38" s="91">
        <v>1718</v>
      </c>
      <c r="H38" s="91">
        <v>780</v>
      </c>
      <c r="I38" s="105">
        <v>938</v>
      </c>
      <c r="J38" s="123">
        <v>241</v>
      </c>
      <c r="K38" s="94">
        <v>1075</v>
      </c>
      <c r="L38" s="132">
        <v>402</v>
      </c>
      <c r="M38" s="351">
        <v>1204</v>
      </c>
      <c r="N38" s="96">
        <v>511</v>
      </c>
      <c r="O38" s="277">
        <v>0</v>
      </c>
      <c r="P38" s="106">
        <v>70.099999999999994</v>
      </c>
    </row>
    <row r="39" spans="1:17" s="219" customFormat="1" ht="19.899999999999999" customHeight="1">
      <c r="B39" s="348"/>
      <c r="C39" s="373" t="s">
        <v>30</v>
      </c>
      <c r="D39" s="350"/>
      <c r="E39" s="32"/>
      <c r="F39" s="91">
        <v>641</v>
      </c>
      <c r="G39" s="91">
        <v>1380</v>
      </c>
      <c r="H39" s="91">
        <v>672</v>
      </c>
      <c r="I39" s="105">
        <v>708</v>
      </c>
      <c r="J39" s="123">
        <v>152</v>
      </c>
      <c r="K39" s="94">
        <v>859</v>
      </c>
      <c r="L39" s="132">
        <v>363</v>
      </c>
      <c r="M39" s="351">
        <v>2285</v>
      </c>
      <c r="N39" s="96">
        <v>544</v>
      </c>
      <c r="O39" s="96">
        <v>1187</v>
      </c>
      <c r="P39" s="106">
        <v>166.3</v>
      </c>
    </row>
    <row r="40" spans="1:17" s="219" customFormat="1" ht="19.899999999999999" customHeight="1">
      <c r="B40" s="348" t="s">
        <v>685</v>
      </c>
      <c r="C40" s="373" t="s">
        <v>26</v>
      </c>
      <c r="D40" s="350"/>
      <c r="E40" s="32"/>
      <c r="F40" s="91">
        <v>458</v>
      </c>
      <c r="G40" s="91">
        <v>943</v>
      </c>
      <c r="H40" s="91">
        <v>408</v>
      </c>
      <c r="I40" s="105">
        <v>535</v>
      </c>
      <c r="J40" s="123">
        <v>108</v>
      </c>
      <c r="K40" s="94">
        <v>615</v>
      </c>
      <c r="L40" s="132">
        <v>220</v>
      </c>
      <c r="M40" s="351">
        <v>1104</v>
      </c>
      <c r="N40" s="96">
        <v>357</v>
      </c>
      <c r="O40" s="96">
        <v>322</v>
      </c>
      <c r="P40" s="106">
        <v>117.1</v>
      </c>
    </row>
    <row r="41" spans="1:17" s="219" customFormat="1" ht="19.899999999999999" customHeight="1">
      <c r="B41" s="348"/>
      <c r="C41" s="373" t="s">
        <v>27</v>
      </c>
      <c r="D41" s="350"/>
      <c r="E41" s="32"/>
      <c r="F41" s="91">
        <v>476</v>
      </c>
      <c r="G41" s="91">
        <v>981</v>
      </c>
      <c r="H41" s="91">
        <v>451</v>
      </c>
      <c r="I41" s="105">
        <v>530</v>
      </c>
      <c r="J41" s="123">
        <v>106</v>
      </c>
      <c r="K41" s="94">
        <v>625</v>
      </c>
      <c r="L41" s="132">
        <v>250</v>
      </c>
      <c r="M41" s="351">
        <v>606</v>
      </c>
      <c r="N41" s="96">
        <v>191</v>
      </c>
      <c r="O41" s="277">
        <v>0</v>
      </c>
      <c r="P41" s="106">
        <v>61.8</v>
      </c>
    </row>
    <row r="42" spans="1:17" s="219" customFormat="1" ht="18" customHeight="1">
      <c r="B42" s="348"/>
      <c r="C42" s="373" t="s">
        <v>28</v>
      </c>
      <c r="D42" s="350"/>
      <c r="E42" s="32"/>
      <c r="F42" s="91">
        <v>376</v>
      </c>
      <c r="G42" s="91">
        <v>964</v>
      </c>
      <c r="H42" s="91">
        <v>453</v>
      </c>
      <c r="I42" s="105">
        <v>511</v>
      </c>
      <c r="J42" s="123">
        <v>146</v>
      </c>
      <c r="K42" s="94">
        <v>601</v>
      </c>
      <c r="L42" s="132">
        <v>217</v>
      </c>
      <c r="M42" s="351">
        <v>991</v>
      </c>
      <c r="N42" s="96">
        <v>163</v>
      </c>
      <c r="O42" s="96">
        <v>408</v>
      </c>
      <c r="P42" s="106">
        <v>102.8</v>
      </c>
    </row>
    <row r="43" spans="1:17" s="219" customFormat="1" ht="18.75" customHeight="1">
      <c r="B43" s="348"/>
      <c r="C43" s="373" t="s">
        <v>29</v>
      </c>
      <c r="D43" s="350"/>
      <c r="E43" s="32"/>
      <c r="F43" s="91">
        <v>972</v>
      </c>
      <c r="G43" s="91">
        <v>2143</v>
      </c>
      <c r="H43" s="91">
        <v>968</v>
      </c>
      <c r="I43" s="105">
        <v>1175</v>
      </c>
      <c r="J43" s="123">
        <v>280</v>
      </c>
      <c r="K43" s="94">
        <v>1359</v>
      </c>
      <c r="L43" s="132">
        <v>502</v>
      </c>
      <c r="M43" s="351">
        <v>1445</v>
      </c>
      <c r="N43" s="96">
        <v>580</v>
      </c>
      <c r="O43" s="277">
        <v>0</v>
      </c>
      <c r="P43" s="106">
        <v>67.5</v>
      </c>
    </row>
    <row r="44" spans="1:17" s="219" customFormat="1" ht="18.75" customHeight="1">
      <c r="B44" s="348"/>
      <c r="C44" s="373" t="s">
        <v>30</v>
      </c>
      <c r="D44" s="350"/>
      <c r="E44" s="32"/>
      <c r="F44" s="91">
        <v>602</v>
      </c>
      <c r="G44" s="91">
        <v>1268</v>
      </c>
      <c r="H44" s="91">
        <v>628</v>
      </c>
      <c r="I44" s="105">
        <v>640</v>
      </c>
      <c r="J44" s="123">
        <v>150</v>
      </c>
      <c r="K44" s="94">
        <v>843</v>
      </c>
      <c r="L44" s="132">
        <v>257</v>
      </c>
      <c r="M44" s="351">
        <v>620</v>
      </c>
      <c r="N44" s="96">
        <v>111</v>
      </c>
      <c r="O44" s="277">
        <v>0</v>
      </c>
      <c r="P44" s="106">
        <v>49.6</v>
      </c>
    </row>
    <row r="45" spans="1:17" s="219" customFormat="1" ht="18" customHeight="1">
      <c r="A45" s="220"/>
      <c r="B45" s="352"/>
      <c r="C45" s="374" t="s">
        <v>31</v>
      </c>
      <c r="D45" s="354"/>
      <c r="E45" s="40"/>
      <c r="F45" s="115">
        <v>1004</v>
      </c>
      <c r="G45" s="115">
        <v>2261</v>
      </c>
      <c r="H45" s="115">
        <v>1024</v>
      </c>
      <c r="I45" s="114">
        <v>1237</v>
      </c>
      <c r="J45" s="127">
        <v>227</v>
      </c>
      <c r="K45" s="118">
        <v>1400</v>
      </c>
      <c r="L45" s="276">
        <v>628</v>
      </c>
      <c r="M45" s="355">
        <v>1309</v>
      </c>
      <c r="N45" s="120">
        <v>308</v>
      </c>
      <c r="O45" s="280">
        <v>0</v>
      </c>
      <c r="P45" s="122">
        <v>58</v>
      </c>
    </row>
    <row r="46" spans="1:17" s="219" customFormat="1" ht="20.25" customHeight="1">
      <c r="B46" s="348" t="s">
        <v>686</v>
      </c>
      <c r="C46" s="373" t="s">
        <v>26</v>
      </c>
      <c r="D46" s="350"/>
      <c r="E46" s="32"/>
      <c r="F46" s="91">
        <v>670</v>
      </c>
      <c r="G46" s="91">
        <v>1369</v>
      </c>
      <c r="H46" s="91">
        <v>633</v>
      </c>
      <c r="I46" s="105">
        <v>736</v>
      </c>
      <c r="J46" s="123">
        <v>155</v>
      </c>
      <c r="K46" s="94">
        <v>914</v>
      </c>
      <c r="L46" s="132">
        <v>298</v>
      </c>
      <c r="M46" s="351">
        <v>897</v>
      </c>
      <c r="N46" s="96">
        <v>295</v>
      </c>
      <c r="O46" s="103">
        <v>0</v>
      </c>
      <c r="P46" s="106">
        <v>65.599999999999994</v>
      </c>
      <c r="Q46" s="44"/>
    </row>
    <row r="47" spans="1:17" s="219" customFormat="1" ht="20.25" customHeight="1">
      <c r="B47" s="348"/>
      <c r="C47" s="373" t="s">
        <v>27</v>
      </c>
      <c r="D47" s="350"/>
      <c r="E47" s="32"/>
      <c r="F47" s="91">
        <v>511</v>
      </c>
      <c r="G47" s="91">
        <v>1114</v>
      </c>
      <c r="H47" s="91">
        <v>539</v>
      </c>
      <c r="I47" s="105">
        <v>575</v>
      </c>
      <c r="J47" s="123">
        <v>178</v>
      </c>
      <c r="K47" s="94">
        <v>748</v>
      </c>
      <c r="L47" s="132">
        <v>188</v>
      </c>
      <c r="M47" s="351">
        <v>1152</v>
      </c>
      <c r="N47" s="96">
        <v>206</v>
      </c>
      <c r="O47" s="96">
        <v>444</v>
      </c>
      <c r="P47" s="106">
        <v>103.4</v>
      </c>
      <c r="Q47" s="44"/>
    </row>
    <row r="48" spans="1:17" s="219" customFormat="1" ht="20.25" customHeight="1">
      <c r="B48" s="348"/>
      <c r="C48" s="373" t="s">
        <v>28</v>
      </c>
      <c r="D48" s="350"/>
      <c r="E48" s="32"/>
      <c r="F48" s="91">
        <v>700</v>
      </c>
      <c r="G48" s="91">
        <v>1619</v>
      </c>
      <c r="H48" s="91">
        <v>722</v>
      </c>
      <c r="I48" s="105">
        <v>897</v>
      </c>
      <c r="J48" s="123">
        <v>151</v>
      </c>
      <c r="K48" s="94">
        <v>993</v>
      </c>
      <c r="L48" s="132">
        <v>475</v>
      </c>
      <c r="M48" s="351">
        <v>1121</v>
      </c>
      <c r="N48" s="96">
        <v>375</v>
      </c>
      <c r="O48" s="103">
        <v>0</v>
      </c>
      <c r="P48" s="106">
        <v>69.2</v>
      </c>
      <c r="Q48" s="44"/>
    </row>
    <row r="49" spans="2:17" s="219" customFormat="1" ht="20.25" customHeight="1">
      <c r="B49" s="348"/>
      <c r="C49" s="373" t="s">
        <v>29</v>
      </c>
      <c r="D49" s="350"/>
      <c r="E49" s="32"/>
      <c r="F49" s="91">
        <v>479</v>
      </c>
      <c r="G49" s="91">
        <v>1323</v>
      </c>
      <c r="H49" s="91">
        <v>603</v>
      </c>
      <c r="I49" s="105">
        <v>720</v>
      </c>
      <c r="J49" s="123">
        <v>163</v>
      </c>
      <c r="K49" s="94">
        <v>790</v>
      </c>
      <c r="L49" s="132">
        <v>370</v>
      </c>
      <c r="M49" s="351">
        <v>963</v>
      </c>
      <c r="N49" s="96">
        <v>331</v>
      </c>
      <c r="O49" s="103">
        <v>0</v>
      </c>
      <c r="P49" s="106">
        <v>72.8</v>
      </c>
      <c r="Q49" s="44"/>
    </row>
    <row r="50" spans="2:17" s="219" customFormat="1" ht="20.25" customHeight="1">
      <c r="B50" s="348"/>
      <c r="C50" s="373" t="s">
        <v>30</v>
      </c>
      <c r="D50" s="350"/>
      <c r="E50" s="32"/>
      <c r="F50" s="91">
        <v>500</v>
      </c>
      <c r="G50" s="91">
        <v>1097</v>
      </c>
      <c r="H50" s="91">
        <v>531</v>
      </c>
      <c r="I50" s="105">
        <v>566</v>
      </c>
      <c r="J50" s="123">
        <v>125</v>
      </c>
      <c r="K50" s="94">
        <v>691</v>
      </c>
      <c r="L50" s="132">
        <v>281</v>
      </c>
      <c r="M50" s="351">
        <v>626</v>
      </c>
      <c r="N50" s="96">
        <v>137</v>
      </c>
      <c r="O50" s="103">
        <v>0</v>
      </c>
      <c r="P50" s="106">
        <v>57.1</v>
      </c>
      <c r="Q50" s="44"/>
    </row>
    <row r="51" spans="2:17" s="219" customFormat="1" ht="20.25" customHeight="1">
      <c r="B51" s="348"/>
      <c r="C51" s="373" t="s">
        <v>31</v>
      </c>
      <c r="D51" s="350"/>
      <c r="E51" s="32"/>
      <c r="F51" s="91">
        <v>463</v>
      </c>
      <c r="G51" s="91">
        <v>1079</v>
      </c>
      <c r="H51" s="91">
        <v>471</v>
      </c>
      <c r="I51" s="105">
        <v>608</v>
      </c>
      <c r="J51" s="123">
        <v>123</v>
      </c>
      <c r="K51" s="94">
        <v>656</v>
      </c>
      <c r="L51" s="132">
        <v>300</v>
      </c>
      <c r="M51" s="351">
        <v>717</v>
      </c>
      <c r="N51" s="96">
        <v>194</v>
      </c>
      <c r="O51" s="103">
        <v>0</v>
      </c>
      <c r="P51" s="106">
        <v>66.5</v>
      </c>
      <c r="Q51" s="44"/>
    </row>
    <row r="52" spans="2:17" s="219" customFormat="1" ht="20.25" customHeight="1">
      <c r="B52" s="348" t="s">
        <v>687</v>
      </c>
      <c r="C52" s="373" t="s">
        <v>26</v>
      </c>
      <c r="D52" s="350"/>
      <c r="E52" s="32"/>
      <c r="F52" s="91">
        <v>1121</v>
      </c>
      <c r="G52" s="91">
        <v>2469</v>
      </c>
      <c r="H52" s="91">
        <v>1131</v>
      </c>
      <c r="I52" s="105">
        <v>1338</v>
      </c>
      <c r="J52" s="123">
        <v>263</v>
      </c>
      <c r="K52" s="94">
        <v>1537</v>
      </c>
      <c r="L52" s="132">
        <v>654</v>
      </c>
      <c r="M52" s="351">
        <v>1551</v>
      </c>
      <c r="N52" s="96">
        <v>491</v>
      </c>
      <c r="O52" s="103">
        <v>0</v>
      </c>
      <c r="P52" s="106">
        <v>63.2</v>
      </c>
      <c r="Q52" s="44"/>
    </row>
    <row r="53" spans="2:17" s="219" customFormat="1" ht="20.25" customHeight="1">
      <c r="B53" s="348"/>
      <c r="C53" s="373" t="s">
        <v>27</v>
      </c>
      <c r="D53" s="350"/>
      <c r="E53" s="32"/>
      <c r="F53" s="91">
        <v>781</v>
      </c>
      <c r="G53" s="91">
        <v>1853</v>
      </c>
      <c r="H53" s="91">
        <v>829</v>
      </c>
      <c r="I53" s="105">
        <v>1024</v>
      </c>
      <c r="J53" s="123">
        <v>264</v>
      </c>
      <c r="K53" s="94">
        <v>1140</v>
      </c>
      <c r="L53" s="132">
        <v>448</v>
      </c>
      <c r="M53" s="351">
        <v>1534</v>
      </c>
      <c r="N53" s="96">
        <v>694</v>
      </c>
      <c r="O53" s="103">
        <v>0</v>
      </c>
      <c r="P53" s="106">
        <v>82.8</v>
      </c>
      <c r="Q53" s="44"/>
    </row>
    <row r="54" spans="2:17" s="219" customFormat="1" ht="20.25" customHeight="1">
      <c r="B54" s="348"/>
      <c r="C54" s="373" t="s">
        <v>28</v>
      </c>
      <c r="D54" s="350"/>
      <c r="E54" s="32"/>
      <c r="F54" s="91">
        <v>922</v>
      </c>
      <c r="G54" s="91">
        <v>2149</v>
      </c>
      <c r="H54" s="91">
        <v>991</v>
      </c>
      <c r="I54" s="105">
        <v>1158</v>
      </c>
      <c r="J54" s="123">
        <v>303</v>
      </c>
      <c r="K54" s="94">
        <v>1344</v>
      </c>
      <c r="L54" s="132">
        <v>490</v>
      </c>
      <c r="M54" s="351">
        <v>1458</v>
      </c>
      <c r="N54" s="96">
        <v>496</v>
      </c>
      <c r="O54" s="103">
        <v>0</v>
      </c>
      <c r="P54" s="106">
        <v>68.2</v>
      </c>
      <c r="Q54" s="44"/>
    </row>
    <row r="55" spans="2:17" s="219" customFormat="1" ht="20.25" customHeight="1">
      <c r="B55" s="348"/>
      <c r="C55" s="373" t="s">
        <v>29</v>
      </c>
      <c r="D55" s="350"/>
      <c r="E55" s="32"/>
      <c r="F55" s="91">
        <v>840</v>
      </c>
      <c r="G55" s="91">
        <v>2010</v>
      </c>
      <c r="H55" s="91">
        <v>881</v>
      </c>
      <c r="I55" s="105">
        <v>1129</v>
      </c>
      <c r="J55" s="123">
        <v>215</v>
      </c>
      <c r="K55" s="94">
        <v>1197</v>
      </c>
      <c r="L55" s="132">
        <v>598</v>
      </c>
      <c r="M55" s="351">
        <v>1255</v>
      </c>
      <c r="N55" s="96">
        <v>259</v>
      </c>
      <c r="O55" s="103">
        <v>0</v>
      </c>
      <c r="P55" s="106">
        <v>62.4</v>
      </c>
      <c r="Q55" s="44"/>
    </row>
    <row r="56" spans="2:17" s="219" customFormat="1" ht="20.25" customHeight="1">
      <c r="B56" s="348" t="s">
        <v>688</v>
      </c>
      <c r="C56" s="373" t="s">
        <v>26</v>
      </c>
      <c r="D56" s="350"/>
      <c r="E56" s="32"/>
      <c r="F56" s="91">
        <v>1069</v>
      </c>
      <c r="G56" s="91">
        <v>2238</v>
      </c>
      <c r="H56" s="91">
        <v>1119</v>
      </c>
      <c r="I56" s="105">
        <v>1119</v>
      </c>
      <c r="J56" s="123">
        <v>277</v>
      </c>
      <c r="K56" s="94">
        <v>1438</v>
      </c>
      <c r="L56" s="132">
        <v>516</v>
      </c>
      <c r="M56" s="351">
        <v>1465</v>
      </c>
      <c r="N56" s="96">
        <v>551</v>
      </c>
      <c r="O56" s="103">
        <v>0</v>
      </c>
      <c r="P56" s="106">
        <v>65.7</v>
      </c>
      <c r="Q56" s="44"/>
    </row>
    <row r="57" spans="2:17" s="219" customFormat="1" ht="20.25" customHeight="1">
      <c r="B57" s="348"/>
      <c r="C57" s="373" t="s">
        <v>27</v>
      </c>
      <c r="D57" s="350"/>
      <c r="E57" s="32"/>
      <c r="F57" s="91">
        <v>254</v>
      </c>
      <c r="G57" s="91">
        <v>627</v>
      </c>
      <c r="H57" s="91">
        <v>286</v>
      </c>
      <c r="I57" s="105">
        <v>341</v>
      </c>
      <c r="J57" s="123">
        <v>92</v>
      </c>
      <c r="K57" s="94">
        <v>409</v>
      </c>
      <c r="L57" s="132">
        <v>125</v>
      </c>
      <c r="M57" s="351">
        <v>381</v>
      </c>
      <c r="N57" s="96">
        <v>133</v>
      </c>
      <c r="O57" s="103">
        <v>0</v>
      </c>
      <c r="P57" s="106">
        <v>60.9</v>
      </c>
      <c r="Q57" s="44"/>
    </row>
    <row r="58" spans="2:17" s="219" customFormat="1" ht="20.25" customHeight="1">
      <c r="B58" s="348"/>
      <c r="C58" s="373" t="s">
        <v>28</v>
      </c>
      <c r="D58" s="350"/>
      <c r="E58" s="32"/>
      <c r="F58" s="91">
        <v>835</v>
      </c>
      <c r="G58" s="91">
        <v>1653</v>
      </c>
      <c r="H58" s="91">
        <v>769</v>
      </c>
      <c r="I58" s="105">
        <v>884</v>
      </c>
      <c r="J58" s="123">
        <v>147</v>
      </c>
      <c r="K58" s="94">
        <v>1043</v>
      </c>
      <c r="L58" s="132">
        <v>459</v>
      </c>
      <c r="M58" s="351">
        <v>1364</v>
      </c>
      <c r="N58" s="96">
        <v>627</v>
      </c>
      <c r="O58" s="103">
        <v>0</v>
      </c>
      <c r="P58" s="106">
        <v>82.7</v>
      </c>
      <c r="Q58" s="44"/>
    </row>
    <row r="59" spans="2:17" s="219" customFormat="1" ht="20.25" customHeight="1">
      <c r="B59" s="348"/>
      <c r="C59" s="373" t="s">
        <v>29</v>
      </c>
      <c r="D59" s="350"/>
      <c r="E59" s="32"/>
      <c r="F59" s="91">
        <v>596</v>
      </c>
      <c r="G59" s="91">
        <v>1061</v>
      </c>
      <c r="H59" s="91">
        <v>526</v>
      </c>
      <c r="I59" s="105">
        <v>535</v>
      </c>
      <c r="J59" s="123">
        <v>54</v>
      </c>
      <c r="K59" s="94">
        <v>641</v>
      </c>
      <c r="L59" s="132">
        <v>273</v>
      </c>
      <c r="M59" s="351">
        <v>1105</v>
      </c>
      <c r="N59" s="96">
        <v>702</v>
      </c>
      <c r="O59" s="103">
        <v>0</v>
      </c>
      <c r="P59" s="106">
        <v>114.2</v>
      </c>
      <c r="Q59" s="44"/>
    </row>
    <row r="60" spans="2:17" s="219" customFormat="1" ht="20.25" customHeight="1">
      <c r="B60" s="348"/>
      <c r="C60" s="373" t="s">
        <v>30</v>
      </c>
      <c r="D60" s="350"/>
      <c r="E60" s="32"/>
      <c r="F60" s="91">
        <v>399</v>
      </c>
      <c r="G60" s="91">
        <v>805</v>
      </c>
      <c r="H60" s="91">
        <v>367</v>
      </c>
      <c r="I60" s="105">
        <v>438</v>
      </c>
      <c r="J60" s="123">
        <v>61</v>
      </c>
      <c r="K60" s="94">
        <v>505</v>
      </c>
      <c r="L60" s="132">
        <v>229</v>
      </c>
      <c r="M60" s="351">
        <v>1770</v>
      </c>
      <c r="N60" s="96">
        <v>1431</v>
      </c>
      <c r="O60" s="103">
        <v>0</v>
      </c>
      <c r="P60" s="106">
        <v>222.6</v>
      </c>
      <c r="Q60" s="44"/>
    </row>
    <row r="61" spans="2:17" s="219" customFormat="1" ht="20.25" customHeight="1">
      <c r="B61" s="348" t="s">
        <v>689</v>
      </c>
      <c r="C61" s="373" t="s">
        <v>26</v>
      </c>
      <c r="D61" s="350"/>
      <c r="E61" s="32"/>
      <c r="F61" s="91">
        <v>520</v>
      </c>
      <c r="G61" s="91">
        <v>1060</v>
      </c>
      <c r="H61" s="91">
        <v>493</v>
      </c>
      <c r="I61" s="105">
        <v>567</v>
      </c>
      <c r="J61" s="123">
        <v>93</v>
      </c>
      <c r="K61" s="94">
        <v>680</v>
      </c>
      <c r="L61" s="132">
        <v>254</v>
      </c>
      <c r="M61" s="351">
        <v>529</v>
      </c>
      <c r="N61" s="96">
        <v>114</v>
      </c>
      <c r="O61" s="103">
        <v>0</v>
      </c>
      <c r="P61" s="106">
        <v>51.5</v>
      </c>
      <c r="Q61" s="44"/>
    </row>
    <row r="62" spans="2:17" s="219" customFormat="1" ht="20.25" customHeight="1">
      <c r="B62" s="348"/>
      <c r="C62" s="373" t="s">
        <v>27</v>
      </c>
      <c r="D62" s="350"/>
      <c r="E62" s="32"/>
      <c r="F62" s="91">
        <v>363</v>
      </c>
      <c r="G62" s="91">
        <v>840</v>
      </c>
      <c r="H62" s="91">
        <v>379</v>
      </c>
      <c r="I62" s="105">
        <v>461</v>
      </c>
      <c r="J62" s="123">
        <v>100</v>
      </c>
      <c r="K62" s="94">
        <v>510</v>
      </c>
      <c r="L62" s="132">
        <v>227</v>
      </c>
      <c r="M62" s="351">
        <v>507</v>
      </c>
      <c r="N62" s="96">
        <v>120</v>
      </c>
      <c r="O62" s="103">
        <v>0</v>
      </c>
      <c r="P62" s="106">
        <v>60.6</v>
      </c>
      <c r="Q62" s="44"/>
    </row>
    <row r="63" spans="2:17" s="219" customFormat="1" ht="20.25" customHeight="1">
      <c r="B63" s="348"/>
      <c r="C63" s="373" t="s">
        <v>28</v>
      </c>
      <c r="D63" s="350"/>
      <c r="E63" s="32"/>
      <c r="F63" s="91">
        <v>429</v>
      </c>
      <c r="G63" s="91">
        <v>885</v>
      </c>
      <c r="H63" s="91">
        <v>395</v>
      </c>
      <c r="I63" s="105">
        <v>490</v>
      </c>
      <c r="J63" s="123">
        <v>87</v>
      </c>
      <c r="K63" s="94">
        <v>560</v>
      </c>
      <c r="L63" s="132">
        <v>236</v>
      </c>
      <c r="M63" s="351">
        <v>1041</v>
      </c>
      <c r="N63" s="96">
        <v>652</v>
      </c>
      <c r="O63" s="103">
        <v>0</v>
      </c>
      <c r="P63" s="106">
        <v>117.9</v>
      </c>
      <c r="Q63" s="44"/>
    </row>
    <row r="64" spans="2:17" s="219" customFormat="1" ht="20.25" customHeight="1">
      <c r="B64" s="348"/>
      <c r="C64" s="373" t="s">
        <v>29</v>
      </c>
      <c r="D64" s="350"/>
      <c r="E64" s="32"/>
      <c r="F64" s="91">
        <v>472</v>
      </c>
      <c r="G64" s="91">
        <v>937</v>
      </c>
      <c r="H64" s="91">
        <v>428</v>
      </c>
      <c r="I64" s="105">
        <v>509</v>
      </c>
      <c r="J64" s="123">
        <v>82</v>
      </c>
      <c r="K64" s="94">
        <v>582</v>
      </c>
      <c r="L64" s="132">
        <v>271</v>
      </c>
      <c r="M64" s="351">
        <v>697</v>
      </c>
      <c r="N64" s="96">
        <v>256</v>
      </c>
      <c r="O64" s="103">
        <v>0</v>
      </c>
      <c r="P64" s="106">
        <v>74.5</v>
      </c>
      <c r="Q64" s="44"/>
    </row>
    <row r="65" spans="1:17" s="219" customFormat="1" ht="20.25" customHeight="1">
      <c r="B65" s="348" t="s">
        <v>690</v>
      </c>
      <c r="C65" s="373" t="s">
        <v>26</v>
      </c>
      <c r="D65" s="350"/>
      <c r="E65" s="32"/>
      <c r="F65" s="91">
        <v>645</v>
      </c>
      <c r="G65" s="91">
        <v>1498</v>
      </c>
      <c r="H65" s="91">
        <v>671</v>
      </c>
      <c r="I65" s="105">
        <v>827</v>
      </c>
      <c r="J65" s="123">
        <v>154</v>
      </c>
      <c r="K65" s="94">
        <v>966</v>
      </c>
      <c r="L65" s="132">
        <v>376</v>
      </c>
      <c r="M65" s="351">
        <v>1431</v>
      </c>
      <c r="N65" s="96">
        <v>371</v>
      </c>
      <c r="O65" s="96">
        <v>404</v>
      </c>
      <c r="P65" s="106">
        <v>95.7</v>
      </c>
      <c r="Q65" s="44"/>
    </row>
    <row r="66" spans="1:17" s="219" customFormat="1" ht="20.25" customHeight="1">
      <c r="B66" s="348"/>
      <c r="C66" s="373" t="s">
        <v>27</v>
      </c>
      <c r="D66" s="350"/>
      <c r="E66" s="32"/>
      <c r="F66" s="91">
        <v>1231</v>
      </c>
      <c r="G66" s="91">
        <v>2466</v>
      </c>
      <c r="H66" s="91">
        <v>1168</v>
      </c>
      <c r="I66" s="105">
        <v>1298</v>
      </c>
      <c r="J66" s="123">
        <v>271</v>
      </c>
      <c r="K66" s="94">
        <v>1481</v>
      </c>
      <c r="L66" s="132">
        <v>633</v>
      </c>
      <c r="M66" s="351">
        <v>2176</v>
      </c>
      <c r="N66" s="96">
        <v>953</v>
      </c>
      <c r="O66" s="103">
        <v>0</v>
      </c>
      <c r="P66" s="106">
        <v>91.2</v>
      </c>
      <c r="Q66" s="44"/>
    </row>
    <row r="67" spans="1:17" s="219" customFormat="1" ht="20.25" customHeight="1">
      <c r="B67" s="348"/>
      <c r="C67" s="373" t="s">
        <v>28</v>
      </c>
      <c r="D67" s="350"/>
      <c r="E67" s="32"/>
      <c r="F67" s="91">
        <v>592</v>
      </c>
      <c r="G67" s="91">
        <v>1279</v>
      </c>
      <c r="H67" s="91">
        <v>611</v>
      </c>
      <c r="I67" s="105">
        <v>668</v>
      </c>
      <c r="J67" s="123">
        <v>154</v>
      </c>
      <c r="K67" s="94">
        <v>836</v>
      </c>
      <c r="L67" s="132">
        <v>275</v>
      </c>
      <c r="M67" s="351">
        <v>549</v>
      </c>
      <c r="N67" s="96">
        <v>16</v>
      </c>
      <c r="O67" s="103">
        <v>0</v>
      </c>
      <c r="P67" s="236">
        <v>43.4</v>
      </c>
      <c r="Q67" s="44"/>
    </row>
    <row r="68" spans="1:17" s="219" customFormat="1" ht="20.25" customHeight="1">
      <c r="B68" s="348"/>
      <c r="C68" s="373" t="s">
        <v>29</v>
      </c>
      <c r="D68" s="350"/>
      <c r="E68" s="32"/>
      <c r="F68" s="91">
        <v>722</v>
      </c>
      <c r="G68" s="91">
        <v>1683</v>
      </c>
      <c r="H68" s="91">
        <v>799</v>
      </c>
      <c r="I68" s="105">
        <v>884</v>
      </c>
      <c r="J68" s="123">
        <v>220</v>
      </c>
      <c r="K68" s="94">
        <v>975</v>
      </c>
      <c r="L68" s="132">
        <v>486</v>
      </c>
      <c r="M68" s="351">
        <v>1144</v>
      </c>
      <c r="N68" s="96">
        <v>339</v>
      </c>
      <c r="O68" s="103">
        <v>0</v>
      </c>
      <c r="P68" s="106">
        <v>68.099999999999994</v>
      </c>
      <c r="Q68" s="44"/>
    </row>
    <row r="69" spans="1:17" s="219" customFormat="1" ht="20.25" customHeight="1">
      <c r="B69" s="348"/>
      <c r="C69" s="373" t="s">
        <v>30</v>
      </c>
      <c r="D69" s="350"/>
      <c r="E69" s="32"/>
      <c r="F69" s="91">
        <v>683</v>
      </c>
      <c r="G69" s="91">
        <v>1616</v>
      </c>
      <c r="H69" s="91">
        <v>782</v>
      </c>
      <c r="I69" s="105">
        <v>834</v>
      </c>
      <c r="J69" s="123">
        <v>216</v>
      </c>
      <c r="K69" s="94">
        <v>1000</v>
      </c>
      <c r="L69" s="132">
        <v>366</v>
      </c>
      <c r="M69" s="351">
        <v>1357</v>
      </c>
      <c r="N69" s="96">
        <v>629</v>
      </c>
      <c r="O69" s="103">
        <v>0</v>
      </c>
      <c r="P69" s="106">
        <v>85.8</v>
      </c>
      <c r="Q69" s="44"/>
    </row>
    <row r="70" spans="1:17" s="219" customFormat="1" ht="20.25" customHeight="1">
      <c r="B70" s="348"/>
      <c r="C70" s="373" t="s">
        <v>31</v>
      </c>
      <c r="D70" s="350"/>
      <c r="E70" s="32"/>
      <c r="F70" s="91">
        <v>620</v>
      </c>
      <c r="G70" s="91">
        <v>1327</v>
      </c>
      <c r="H70" s="91">
        <v>636</v>
      </c>
      <c r="I70" s="105">
        <v>691</v>
      </c>
      <c r="J70" s="123">
        <v>198</v>
      </c>
      <c r="K70" s="94">
        <v>919</v>
      </c>
      <c r="L70" s="132">
        <v>182</v>
      </c>
      <c r="M70" s="351">
        <v>3202</v>
      </c>
      <c r="N70" s="96">
        <v>786</v>
      </c>
      <c r="O70" s="96">
        <v>1872</v>
      </c>
      <c r="P70" s="106">
        <v>246.5</v>
      </c>
      <c r="Q70" s="44"/>
    </row>
    <row r="71" spans="1:17" s="219" customFormat="1" ht="20.25" customHeight="1">
      <c r="B71" s="348" t="s">
        <v>691</v>
      </c>
      <c r="C71" s="373" t="s">
        <v>26</v>
      </c>
      <c r="D71" s="350"/>
      <c r="E71" s="32"/>
      <c r="F71" s="91">
        <v>842</v>
      </c>
      <c r="G71" s="91">
        <v>1756</v>
      </c>
      <c r="H71" s="91">
        <v>817</v>
      </c>
      <c r="I71" s="105">
        <v>939</v>
      </c>
      <c r="J71" s="123">
        <v>235</v>
      </c>
      <c r="K71" s="94">
        <v>1161</v>
      </c>
      <c r="L71" s="132">
        <v>359</v>
      </c>
      <c r="M71" s="351">
        <v>1270</v>
      </c>
      <c r="N71" s="96">
        <v>488</v>
      </c>
      <c r="O71" s="103">
        <v>0</v>
      </c>
      <c r="P71" s="106">
        <v>72.400000000000006</v>
      </c>
      <c r="Q71" s="44"/>
    </row>
    <row r="72" spans="1:17" s="219" customFormat="1" ht="20.25" customHeight="1">
      <c r="B72" s="348"/>
      <c r="C72" s="373" t="s">
        <v>27</v>
      </c>
      <c r="D72" s="350"/>
      <c r="E72" s="32"/>
      <c r="F72" s="91">
        <v>573</v>
      </c>
      <c r="G72" s="91">
        <v>1252</v>
      </c>
      <c r="H72" s="91">
        <v>604</v>
      </c>
      <c r="I72" s="105">
        <v>648</v>
      </c>
      <c r="J72" s="123">
        <v>140</v>
      </c>
      <c r="K72" s="94">
        <v>826</v>
      </c>
      <c r="L72" s="132">
        <v>286</v>
      </c>
      <c r="M72" s="351">
        <v>786</v>
      </c>
      <c r="N72" s="96">
        <v>281</v>
      </c>
      <c r="O72" s="103">
        <v>0</v>
      </c>
      <c r="P72" s="106">
        <v>62.8</v>
      </c>
      <c r="Q72" s="44"/>
    </row>
    <row r="73" spans="1:17" s="219" customFormat="1" ht="20.25" customHeight="1">
      <c r="B73" s="348"/>
      <c r="C73" s="373" t="s">
        <v>28</v>
      </c>
      <c r="D73" s="350"/>
      <c r="E73" s="32"/>
      <c r="F73" s="91">
        <v>396</v>
      </c>
      <c r="G73" s="91">
        <v>978</v>
      </c>
      <c r="H73" s="91">
        <v>450</v>
      </c>
      <c r="I73" s="105">
        <v>528</v>
      </c>
      <c r="J73" s="123">
        <v>129</v>
      </c>
      <c r="K73" s="94">
        <v>604</v>
      </c>
      <c r="L73" s="132">
        <v>245</v>
      </c>
      <c r="M73" s="351">
        <v>646</v>
      </c>
      <c r="N73" s="96">
        <v>216</v>
      </c>
      <c r="O73" s="103">
        <v>0</v>
      </c>
      <c r="P73" s="106">
        <v>66.099999999999994</v>
      </c>
      <c r="Q73" s="44"/>
    </row>
    <row r="74" spans="1:17" s="219" customFormat="1" ht="20.25" customHeight="1">
      <c r="B74" s="348"/>
      <c r="C74" s="373" t="s">
        <v>29</v>
      </c>
      <c r="D74" s="350"/>
      <c r="E74" s="32"/>
      <c r="F74" s="91">
        <v>574</v>
      </c>
      <c r="G74" s="91">
        <v>1345</v>
      </c>
      <c r="H74" s="91">
        <v>611</v>
      </c>
      <c r="I74" s="105">
        <v>734</v>
      </c>
      <c r="J74" s="123">
        <v>149</v>
      </c>
      <c r="K74" s="94">
        <v>865</v>
      </c>
      <c r="L74" s="132">
        <v>325</v>
      </c>
      <c r="M74" s="351">
        <v>984</v>
      </c>
      <c r="N74" s="96">
        <v>121</v>
      </c>
      <c r="O74" s="96">
        <v>239</v>
      </c>
      <c r="P74" s="106">
        <v>73.5</v>
      </c>
      <c r="Q74" s="44"/>
    </row>
    <row r="75" spans="1:17" s="219" customFormat="1" ht="20.25" customHeight="1">
      <c r="B75" s="348"/>
      <c r="C75" s="373" t="s">
        <v>30</v>
      </c>
      <c r="D75" s="350"/>
      <c r="E75" s="32"/>
      <c r="F75" s="91">
        <v>1051</v>
      </c>
      <c r="G75" s="91">
        <v>2535</v>
      </c>
      <c r="H75" s="91">
        <v>1161</v>
      </c>
      <c r="I75" s="105">
        <v>1374</v>
      </c>
      <c r="J75" s="123">
        <v>384</v>
      </c>
      <c r="K75" s="94">
        <v>1611</v>
      </c>
      <c r="L75" s="132">
        <v>540</v>
      </c>
      <c r="M75" s="351">
        <v>1579</v>
      </c>
      <c r="N75" s="96">
        <v>557</v>
      </c>
      <c r="O75" s="96">
        <v>3</v>
      </c>
      <c r="P75" s="106">
        <v>62.3</v>
      </c>
      <c r="Q75" s="44"/>
    </row>
    <row r="76" spans="1:17" s="219" customFormat="1" ht="20.25" customHeight="1">
      <c r="B76" s="348" t="s">
        <v>692</v>
      </c>
      <c r="C76" s="373" t="s">
        <v>26</v>
      </c>
      <c r="D76" s="350"/>
      <c r="E76" s="32"/>
      <c r="F76" s="91">
        <v>627</v>
      </c>
      <c r="G76" s="91">
        <v>1491</v>
      </c>
      <c r="H76" s="91">
        <v>706</v>
      </c>
      <c r="I76" s="105">
        <v>785</v>
      </c>
      <c r="J76" s="123">
        <v>243</v>
      </c>
      <c r="K76" s="94">
        <v>961</v>
      </c>
      <c r="L76" s="132">
        <v>287</v>
      </c>
      <c r="M76" s="351">
        <v>1097</v>
      </c>
      <c r="N76" s="96">
        <v>517</v>
      </c>
      <c r="O76" s="103">
        <v>0</v>
      </c>
      <c r="P76" s="106">
        <v>73.599999999999994</v>
      </c>
      <c r="Q76" s="44"/>
    </row>
    <row r="77" spans="1:17" s="219" customFormat="1" ht="20.25" customHeight="1">
      <c r="B77" s="348"/>
      <c r="C77" s="373" t="s">
        <v>27</v>
      </c>
      <c r="D77" s="350"/>
      <c r="E77" s="32"/>
      <c r="F77" s="91">
        <v>396</v>
      </c>
      <c r="G77" s="91">
        <v>983</v>
      </c>
      <c r="H77" s="91">
        <v>450</v>
      </c>
      <c r="I77" s="105">
        <v>533</v>
      </c>
      <c r="J77" s="123">
        <v>147</v>
      </c>
      <c r="K77" s="94">
        <v>603</v>
      </c>
      <c r="L77" s="132">
        <v>233</v>
      </c>
      <c r="M77" s="351">
        <v>538</v>
      </c>
      <c r="N77" s="96">
        <v>95</v>
      </c>
      <c r="O77" s="103">
        <v>0</v>
      </c>
      <c r="P77" s="106">
        <v>54.7</v>
      </c>
      <c r="Q77" s="44"/>
    </row>
    <row r="78" spans="1:17" s="219" customFormat="1" ht="20.25" customHeight="1">
      <c r="B78" s="348"/>
      <c r="C78" s="373" t="s">
        <v>28</v>
      </c>
      <c r="D78" s="350"/>
      <c r="E78" s="32"/>
      <c r="F78" s="91">
        <v>700</v>
      </c>
      <c r="G78" s="91">
        <v>1759</v>
      </c>
      <c r="H78" s="91">
        <v>815</v>
      </c>
      <c r="I78" s="105">
        <v>944</v>
      </c>
      <c r="J78" s="123">
        <v>239</v>
      </c>
      <c r="K78" s="94">
        <v>1133</v>
      </c>
      <c r="L78" s="132">
        <v>387</v>
      </c>
      <c r="M78" s="351">
        <v>1439</v>
      </c>
      <c r="N78" s="96">
        <v>686</v>
      </c>
      <c r="O78" s="103">
        <v>0</v>
      </c>
      <c r="P78" s="106">
        <v>81.8</v>
      </c>
      <c r="Q78" s="44"/>
    </row>
    <row r="79" spans="1:17" s="219" customFormat="1" ht="20.25" customHeight="1">
      <c r="A79" s="227"/>
      <c r="B79" s="357"/>
      <c r="C79" s="373" t="s">
        <v>29</v>
      </c>
      <c r="D79" s="358"/>
      <c r="E79" s="32"/>
      <c r="F79" s="91">
        <v>400</v>
      </c>
      <c r="G79" s="91">
        <v>1066</v>
      </c>
      <c r="H79" s="91">
        <v>510</v>
      </c>
      <c r="I79" s="105">
        <v>556</v>
      </c>
      <c r="J79" s="123">
        <v>260</v>
      </c>
      <c r="K79" s="94">
        <v>595</v>
      </c>
      <c r="L79" s="132">
        <v>211</v>
      </c>
      <c r="M79" s="351">
        <v>1962</v>
      </c>
      <c r="N79" s="96">
        <v>318</v>
      </c>
      <c r="O79" s="96">
        <v>1165</v>
      </c>
      <c r="P79" s="106">
        <v>184.1</v>
      </c>
      <c r="Q79" s="44"/>
    </row>
    <row r="80" spans="1:17" s="219" customFormat="1" ht="20.25" customHeight="1">
      <c r="A80" s="220"/>
      <c r="B80" s="357"/>
      <c r="C80" s="373" t="s">
        <v>30</v>
      </c>
      <c r="D80" s="358"/>
      <c r="E80" s="32"/>
      <c r="F80" s="91">
        <v>876</v>
      </c>
      <c r="G80" s="91">
        <v>2224</v>
      </c>
      <c r="H80" s="91">
        <v>1033</v>
      </c>
      <c r="I80" s="105">
        <v>1191</v>
      </c>
      <c r="J80" s="123">
        <v>340</v>
      </c>
      <c r="K80" s="94">
        <v>1368</v>
      </c>
      <c r="L80" s="132">
        <v>516</v>
      </c>
      <c r="M80" s="351">
        <v>1397</v>
      </c>
      <c r="N80" s="96">
        <v>429</v>
      </c>
      <c r="O80" s="103">
        <v>0</v>
      </c>
      <c r="P80" s="106">
        <v>62.8</v>
      </c>
      <c r="Q80" s="44"/>
    </row>
    <row r="81" spans="2:17" s="219" customFormat="1" ht="22.5" customHeight="1">
      <c r="B81" s="357" t="s">
        <v>693</v>
      </c>
      <c r="C81" s="373" t="s">
        <v>26</v>
      </c>
      <c r="D81" s="358"/>
      <c r="E81" s="32"/>
      <c r="F81" s="91">
        <v>514</v>
      </c>
      <c r="G81" s="91">
        <v>1066</v>
      </c>
      <c r="H81" s="91">
        <v>490</v>
      </c>
      <c r="I81" s="105">
        <v>576</v>
      </c>
      <c r="J81" s="123">
        <v>115</v>
      </c>
      <c r="K81" s="94">
        <v>652</v>
      </c>
      <c r="L81" s="132">
        <v>299</v>
      </c>
      <c r="M81" s="351">
        <v>1367</v>
      </c>
      <c r="N81" s="96">
        <v>821</v>
      </c>
      <c r="O81" s="103">
        <v>0</v>
      </c>
      <c r="P81" s="106">
        <v>128.19999999999999</v>
      </c>
      <c r="Q81" s="44"/>
    </row>
    <row r="82" spans="2:17" s="219" customFormat="1" ht="22.5" customHeight="1">
      <c r="B82" s="357"/>
      <c r="C82" s="373" t="s">
        <v>27</v>
      </c>
      <c r="D82" s="358"/>
      <c r="E82" s="32"/>
      <c r="F82" s="91">
        <v>828</v>
      </c>
      <c r="G82" s="91">
        <v>1953</v>
      </c>
      <c r="H82" s="91">
        <v>896</v>
      </c>
      <c r="I82" s="105">
        <v>1057</v>
      </c>
      <c r="J82" s="123">
        <v>279</v>
      </c>
      <c r="K82" s="94">
        <v>1217</v>
      </c>
      <c r="L82" s="132">
        <v>451</v>
      </c>
      <c r="M82" s="351">
        <v>1807</v>
      </c>
      <c r="N82" s="96">
        <v>632</v>
      </c>
      <c r="O82" s="96">
        <v>309</v>
      </c>
      <c r="P82" s="106">
        <v>92.8</v>
      </c>
      <c r="Q82" s="44"/>
    </row>
    <row r="83" spans="2:17" s="219" customFormat="1" ht="22.5" customHeight="1">
      <c r="B83" s="357"/>
      <c r="C83" s="373" t="s">
        <v>28</v>
      </c>
      <c r="D83" s="358"/>
      <c r="E83" s="32"/>
      <c r="F83" s="91">
        <v>833</v>
      </c>
      <c r="G83" s="91">
        <v>2060</v>
      </c>
      <c r="H83" s="91">
        <v>944</v>
      </c>
      <c r="I83" s="105">
        <v>1116</v>
      </c>
      <c r="J83" s="123">
        <v>282</v>
      </c>
      <c r="K83" s="94">
        <v>1254</v>
      </c>
      <c r="L83" s="132">
        <v>516</v>
      </c>
      <c r="M83" s="351">
        <v>1202</v>
      </c>
      <c r="N83" s="96">
        <v>323</v>
      </c>
      <c r="O83" s="103">
        <v>0</v>
      </c>
      <c r="P83" s="106">
        <v>58.6</v>
      </c>
      <c r="Q83" s="44"/>
    </row>
    <row r="84" spans="2:17" s="219" customFormat="1" ht="22.5" customHeight="1">
      <c r="B84" s="352" t="s">
        <v>694</v>
      </c>
      <c r="C84" s="374"/>
      <c r="D84" s="354"/>
      <c r="E84" s="40"/>
      <c r="F84" s="115">
        <v>65</v>
      </c>
      <c r="G84" s="115">
        <v>65</v>
      </c>
      <c r="H84" s="115">
        <v>65</v>
      </c>
      <c r="I84" s="384" t="s">
        <v>192</v>
      </c>
      <c r="J84" s="384" t="s">
        <v>192</v>
      </c>
      <c r="K84" s="118">
        <v>62</v>
      </c>
      <c r="L84" s="276">
        <v>3</v>
      </c>
      <c r="M84" s="355">
        <v>294</v>
      </c>
      <c r="N84" s="120">
        <v>229</v>
      </c>
      <c r="O84" s="129">
        <v>0</v>
      </c>
      <c r="P84" s="122">
        <v>452.3</v>
      </c>
      <c r="Q84" s="44"/>
    </row>
    <row r="85" spans="2:17" s="219" customFormat="1" ht="22.5" customHeight="1">
      <c r="B85" s="348" t="s">
        <v>695</v>
      </c>
      <c r="C85" s="373" t="s">
        <v>26</v>
      </c>
      <c r="D85" s="350"/>
      <c r="E85" s="32"/>
      <c r="F85" s="91">
        <v>1026</v>
      </c>
      <c r="G85" s="91">
        <v>2325</v>
      </c>
      <c r="H85" s="91">
        <v>1099</v>
      </c>
      <c r="I85" s="105">
        <v>1226</v>
      </c>
      <c r="J85" s="123">
        <v>302</v>
      </c>
      <c r="K85" s="94">
        <v>1512</v>
      </c>
      <c r="L85" s="132">
        <v>505</v>
      </c>
      <c r="M85" s="351">
        <v>1487</v>
      </c>
      <c r="N85" s="96">
        <v>405</v>
      </c>
      <c r="O85" s="103">
        <v>0</v>
      </c>
      <c r="P85" s="106">
        <v>64.099999999999994</v>
      </c>
      <c r="Q85" s="44"/>
    </row>
    <row r="86" spans="2:17" s="219" customFormat="1" ht="22.5" customHeight="1">
      <c r="B86" s="348" t="s">
        <v>123</v>
      </c>
      <c r="C86" s="373" t="s">
        <v>27</v>
      </c>
      <c r="D86" s="350"/>
      <c r="E86" s="32"/>
      <c r="F86" s="91">
        <v>943</v>
      </c>
      <c r="G86" s="91">
        <v>1972</v>
      </c>
      <c r="H86" s="91">
        <v>963</v>
      </c>
      <c r="I86" s="105">
        <v>1009</v>
      </c>
      <c r="J86" s="123">
        <v>202</v>
      </c>
      <c r="K86" s="94">
        <v>1225</v>
      </c>
      <c r="L86" s="132">
        <v>538</v>
      </c>
      <c r="M86" s="351">
        <v>1448</v>
      </c>
      <c r="N86" s="96">
        <v>494</v>
      </c>
      <c r="O86" s="103">
        <v>0</v>
      </c>
      <c r="P86" s="106">
        <v>73.7</v>
      </c>
      <c r="Q86" s="44"/>
    </row>
    <row r="87" spans="2:17" s="219" customFormat="1" ht="22.5" customHeight="1">
      <c r="B87" s="348"/>
      <c r="C87" s="373" t="s">
        <v>28</v>
      </c>
      <c r="D87" s="350"/>
      <c r="E87" s="32"/>
      <c r="F87" s="91">
        <v>965</v>
      </c>
      <c r="G87" s="91">
        <v>2346</v>
      </c>
      <c r="H87" s="91">
        <v>1111</v>
      </c>
      <c r="I87" s="105">
        <v>1235</v>
      </c>
      <c r="J87" s="123">
        <v>343</v>
      </c>
      <c r="K87" s="94">
        <v>1491</v>
      </c>
      <c r="L87" s="132">
        <v>504</v>
      </c>
      <c r="M87" s="351">
        <v>1819</v>
      </c>
      <c r="N87" s="96">
        <v>423</v>
      </c>
      <c r="O87" s="96">
        <v>394</v>
      </c>
      <c r="P87" s="106">
        <v>77.8</v>
      </c>
      <c r="Q87" s="44"/>
    </row>
    <row r="88" spans="2:17" s="219" customFormat="1" ht="22.5" customHeight="1">
      <c r="B88" s="348"/>
      <c r="C88" s="373" t="s">
        <v>29</v>
      </c>
      <c r="D88" s="350"/>
      <c r="E88" s="32"/>
      <c r="F88" s="91">
        <v>808</v>
      </c>
      <c r="G88" s="91">
        <v>1972</v>
      </c>
      <c r="H88" s="91">
        <v>958</v>
      </c>
      <c r="I88" s="105">
        <v>1014</v>
      </c>
      <c r="J88" s="123">
        <v>270</v>
      </c>
      <c r="K88" s="94">
        <v>1126</v>
      </c>
      <c r="L88" s="132">
        <v>547</v>
      </c>
      <c r="M88" s="351">
        <v>1077</v>
      </c>
      <c r="N88" s="96">
        <v>179</v>
      </c>
      <c r="O88" s="103">
        <v>0</v>
      </c>
      <c r="P88" s="106">
        <v>55.4</v>
      </c>
      <c r="Q88" s="44"/>
    </row>
    <row r="89" spans="2:17" s="219" customFormat="1" ht="22.5" customHeight="1">
      <c r="B89" s="348" t="s">
        <v>696</v>
      </c>
      <c r="C89" s="373" t="s">
        <v>26</v>
      </c>
      <c r="D89" s="350"/>
      <c r="E89" s="32"/>
      <c r="F89" s="91">
        <v>1281</v>
      </c>
      <c r="G89" s="91">
        <v>2680</v>
      </c>
      <c r="H89" s="91">
        <v>1226</v>
      </c>
      <c r="I89" s="105">
        <v>1454</v>
      </c>
      <c r="J89" s="123">
        <v>254</v>
      </c>
      <c r="K89" s="94">
        <v>1572</v>
      </c>
      <c r="L89" s="132">
        <v>848</v>
      </c>
      <c r="M89" s="351">
        <v>1827</v>
      </c>
      <c r="N89" s="96">
        <v>441</v>
      </c>
      <c r="O89" s="103">
        <v>0</v>
      </c>
      <c r="P89" s="106">
        <v>68.3</v>
      </c>
      <c r="Q89" s="44"/>
    </row>
    <row r="90" spans="2:17" s="219" customFormat="1" ht="22.5" customHeight="1">
      <c r="B90" s="348"/>
      <c r="C90" s="373" t="s">
        <v>27</v>
      </c>
      <c r="D90" s="350"/>
      <c r="E90" s="32"/>
      <c r="F90" s="91">
        <v>460</v>
      </c>
      <c r="G90" s="91">
        <v>1039</v>
      </c>
      <c r="H90" s="91">
        <v>551</v>
      </c>
      <c r="I90" s="105">
        <v>488</v>
      </c>
      <c r="J90" s="123">
        <v>169</v>
      </c>
      <c r="K90" s="94">
        <v>695</v>
      </c>
      <c r="L90" s="132">
        <v>175</v>
      </c>
      <c r="M90" s="351">
        <v>1603</v>
      </c>
      <c r="N90" s="96">
        <v>603</v>
      </c>
      <c r="O90" s="96">
        <v>486</v>
      </c>
      <c r="P90" s="106">
        <v>154.30000000000001</v>
      </c>
      <c r="Q90" s="44"/>
    </row>
    <row r="91" spans="2:17" s="219" customFormat="1" ht="22.5" customHeight="1">
      <c r="B91" s="348"/>
      <c r="C91" s="373" t="s">
        <v>28</v>
      </c>
      <c r="D91" s="350"/>
      <c r="E91" s="32"/>
      <c r="F91" s="91">
        <v>594</v>
      </c>
      <c r="G91" s="91">
        <v>1361</v>
      </c>
      <c r="H91" s="91">
        <v>659</v>
      </c>
      <c r="I91" s="105">
        <v>702</v>
      </c>
      <c r="J91" s="123">
        <v>161</v>
      </c>
      <c r="K91" s="94">
        <v>890</v>
      </c>
      <c r="L91" s="132">
        <v>298</v>
      </c>
      <c r="M91" s="351">
        <v>1163</v>
      </c>
      <c r="N91" s="96">
        <v>598</v>
      </c>
      <c r="O91" s="103">
        <v>0</v>
      </c>
      <c r="P91" s="106">
        <v>86.2</v>
      </c>
      <c r="Q91" s="44"/>
    </row>
    <row r="92" spans="2:17" s="219" customFormat="1" ht="22.5" customHeight="1">
      <c r="B92" s="348" t="s">
        <v>123</v>
      </c>
      <c r="C92" s="373" t="s">
        <v>29</v>
      </c>
      <c r="D92" s="350"/>
      <c r="E92" s="32"/>
      <c r="F92" s="91">
        <v>974</v>
      </c>
      <c r="G92" s="91">
        <v>2295</v>
      </c>
      <c r="H92" s="91">
        <v>1136</v>
      </c>
      <c r="I92" s="105">
        <v>1159</v>
      </c>
      <c r="J92" s="123">
        <v>318</v>
      </c>
      <c r="K92" s="94">
        <v>1545</v>
      </c>
      <c r="L92" s="132">
        <v>416</v>
      </c>
      <c r="M92" s="351">
        <v>1475</v>
      </c>
      <c r="N92" s="96">
        <v>365</v>
      </c>
      <c r="O92" s="103">
        <v>0</v>
      </c>
      <c r="P92" s="106">
        <v>64.7</v>
      </c>
      <c r="Q92" s="44"/>
    </row>
    <row r="93" spans="2:17" s="219" customFormat="1" ht="22.5" customHeight="1">
      <c r="B93" s="348" t="s">
        <v>697</v>
      </c>
      <c r="C93" s="373" t="s">
        <v>26</v>
      </c>
      <c r="D93" s="350"/>
      <c r="E93" s="32"/>
      <c r="F93" s="91">
        <v>741</v>
      </c>
      <c r="G93" s="91">
        <v>1377</v>
      </c>
      <c r="H93" s="91">
        <v>670</v>
      </c>
      <c r="I93" s="105">
        <v>707</v>
      </c>
      <c r="J93" s="123">
        <v>153</v>
      </c>
      <c r="K93" s="94">
        <v>892</v>
      </c>
      <c r="L93" s="132">
        <v>299</v>
      </c>
      <c r="M93" s="351">
        <v>1286</v>
      </c>
      <c r="N93" s="96">
        <v>283</v>
      </c>
      <c r="O93" s="96">
        <v>289</v>
      </c>
      <c r="P93" s="106">
        <v>95.7</v>
      </c>
      <c r="Q93" s="44"/>
    </row>
    <row r="94" spans="2:17" s="219" customFormat="1" ht="22.5" customHeight="1">
      <c r="B94" s="348"/>
      <c r="C94" s="373" t="s">
        <v>27</v>
      </c>
      <c r="D94" s="350"/>
      <c r="E94" s="32"/>
      <c r="F94" s="91">
        <v>1105</v>
      </c>
      <c r="G94" s="91">
        <v>1665</v>
      </c>
      <c r="H94" s="91">
        <v>863</v>
      </c>
      <c r="I94" s="105">
        <v>802</v>
      </c>
      <c r="J94" s="123">
        <v>137</v>
      </c>
      <c r="K94" s="94">
        <v>1142</v>
      </c>
      <c r="L94" s="132">
        <v>298</v>
      </c>
      <c r="M94" s="351">
        <v>2117</v>
      </c>
      <c r="N94" s="96">
        <v>734</v>
      </c>
      <c r="O94" s="96">
        <v>535</v>
      </c>
      <c r="P94" s="106">
        <v>134.19999999999999</v>
      </c>
      <c r="Q94" s="44"/>
    </row>
    <row r="95" spans="2:17" s="219" customFormat="1" ht="22.5" customHeight="1">
      <c r="B95" s="348" t="s">
        <v>123</v>
      </c>
      <c r="C95" s="373" t="s">
        <v>28</v>
      </c>
      <c r="D95" s="350"/>
      <c r="E95" s="32"/>
      <c r="F95" s="91">
        <v>537</v>
      </c>
      <c r="G95" s="91">
        <v>886</v>
      </c>
      <c r="H95" s="91">
        <v>480</v>
      </c>
      <c r="I95" s="105">
        <v>406</v>
      </c>
      <c r="J95" s="123">
        <v>86</v>
      </c>
      <c r="K95" s="94">
        <v>590</v>
      </c>
      <c r="L95" s="132">
        <v>152</v>
      </c>
      <c r="M95" s="351">
        <v>628</v>
      </c>
      <c r="N95" s="96">
        <v>109</v>
      </c>
      <c r="O95" s="96">
        <v>79</v>
      </c>
      <c r="P95" s="106">
        <v>75.8</v>
      </c>
      <c r="Q95" s="44"/>
    </row>
    <row r="96" spans="2:17" s="219" customFormat="1" ht="22.5" customHeight="1">
      <c r="B96" s="348"/>
      <c r="C96" s="373" t="s">
        <v>29</v>
      </c>
      <c r="D96" s="350"/>
      <c r="E96" s="32"/>
      <c r="F96" s="91">
        <v>654</v>
      </c>
      <c r="G96" s="91">
        <v>1172</v>
      </c>
      <c r="H96" s="91">
        <v>565</v>
      </c>
      <c r="I96" s="105">
        <v>607</v>
      </c>
      <c r="J96" s="123">
        <v>94</v>
      </c>
      <c r="K96" s="94">
        <v>765</v>
      </c>
      <c r="L96" s="132">
        <v>313</v>
      </c>
      <c r="M96" s="351">
        <v>756</v>
      </c>
      <c r="N96" s="96">
        <v>174</v>
      </c>
      <c r="O96" s="103">
        <v>0</v>
      </c>
      <c r="P96" s="106">
        <v>64.5</v>
      </c>
      <c r="Q96" s="44"/>
    </row>
    <row r="97" spans="1:17" s="219" customFormat="1" ht="22.5" customHeight="1">
      <c r="B97" s="348"/>
      <c r="C97" s="373" t="s">
        <v>30</v>
      </c>
      <c r="D97" s="350"/>
      <c r="E97" s="32"/>
      <c r="F97" s="91">
        <v>223</v>
      </c>
      <c r="G97" s="91">
        <v>364</v>
      </c>
      <c r="H97" s="91">
        <v>177</v>
      </c>
      <c r="I97" s="105">
        <v>187</v>
      </c>
      <c r="J97" s="123">
        <v>30</v>
      </c>
      <c r="K97" s="94">
        <v>187</v>
      </c>
      <c r="L97" s="132">
        <v>136</v>
      </c>
      <c r="M97" s="351">
        <v>572</v>
      </c>
      <c r="N97" s="103">
        <v>105</v>
      </c>
      <c r="O97" s="103">
        <v>214</v>
      </c>
      <c r="P97" s="236">
        <v>162</v>
      </c>
      <c r="Q97" s="44"/>
    </row>
    <row r="98" spans="1:17" s="219" customFormat="1" ht="22.5" customHeight="1">
      <c r="B98" s="348"/>
      <c r="C98" s="373" t="s">
        <v>31</v>
      </c>
      <c r="D98" s="350"/>
      <c r="E98" s="32"/>
      <c r="F98" s="91">
        <v>383</v>
      </c>
      <c r="G98" s="91">
        <v>932</v>
      </c>
      <c r="H98" s="91">
        <v>411</v>
      </c>
      <c r="I98" s="105">
        <v>521</v>
      </c>
      <c r="J98" s="123">
        <v>99</v>
      </c>
      <c r="K98" s="94">
        <v>510</v>
      </c>
      <c r="L98" s="132">
        <v>321</v>
      </c>
      <c r="M98" s="351">
        <v>645</v>
      </c>
      <c r="N98" s="96">
        <v>27</v>
      </c>
      <c r="O98" s="103">
        <v>0</v>
      </c>
      <c r="P98" s="106">
        <v>69.400000000000006</v>
      </c>
      <c r="Q98" s="44"/>
    </row>
    <row r="99" spans="1:17" s="219" customFormat="1" ht="22.5" customHeight="1">
      <c r="B99" s="348"/>
      <c r="C99" s="373" t="s">
        <v>32</v>
      </c>
      <c r="D99" s="350"/>
      <c r="E99" s="32"/>
      <c r="F99" s="91">
        <v>172</v>
      </c>
      <c r="G99" s="91">
        <v>418</v>
      </c>
      <c r="H99" s="91">
        <v>188</v>
      </c>
      <c r="I99" s="105">
        <v>230</v>
      </c>
      <c r="J99" s="123">
        <v>20</v>
      </c>
      <c r="K99" s="94">
        <v>213</v>
      </c>
      <c r="L99" s="132">
        <v>185</v>
      </c>
      <c r="M99" s="351">
        <v>514</v>
      </c>
      <c r="N99" s="103">
        <v>222</v>
      </c>
      <c r="O99" s="103">
        <v>0</v>
      </c>
      <c r="P99" s="236">
        <v>123</v>
      </c>
      <c r="Q99" s="44"/>
    </row>
    <row r="100" spans="1:17" s="219" customFormat="1" ht="22.5" customHeight="1">
      <c r="B100" s="348" t="s">
        <v>698</v>
      </c>
      <c r="C100" s="373" t="s">
        <v>26</v>
      </c>
      <c r="D100" s="350"/>
      <c r="E100" s="32"/>
      <c r="F100" s="91">
        <v>852</v>
      </c>
      <c r="G100" s="91">
        <v>1713</v>
      </c>
      <c r="H100" s="91">
        <v>852</v>
      </c>
      <c r="I100" s="105">
        <v>861</v>
      </c>
      <c r="J100" s="123">
        <v>170</v>
      </c>
      <c r="K100" s="94">
        <v>1117</v>
      </c>
      <c r="L100" s="132">
        <v>390</v>
      </c>
      <c r="M100" s="351">
        <v>1273</v>
      </c>
      <c r="N100" s="96">
        <v>430</v>
      </c>
      <c r="O100" s="103">
        <v>0</v>
      </c>
      <c r="P100" s="106">
        <v>75.900000000000006</v>
      </c>
      <c r="Q100" s="44"/>
    </row>
    <row r="101" spans="1:17" s="219" customFormat="1" ht="22.5" customHeight="1">
      <c r="B101" s="348"/>
      <c r="C101" s="373" t="s">
        <v>27</v>
      </c>
      <c r="D101" s="350"/>
      <c r="E101" s="32"/>
      <c r="F101" s="91">
        <v>572</v>
      </c>
      <c r="G101" s="91">
        <v>1297</v>
      </c>
      <c r="H101" s="91">
        <v>635</v>
      </c>
      <c r="I101" s="105">
        <v>662</v>
      </c>
      <c r="J101" s="123">
        <v>143</v>
      </c>
      <c r="K101" s="94">
        <v>826</v>
      </c>
      <c r="L101" s="132">
        <v>328</v>
      </c>
      <c r="M101" s="351">
        <v>2243</v>
      </c>
      <c r="N101" s="96">
        <v>380</v>
      </c>
      <c r="O101" s="96">
        <v>1250</v>
      </c>
      <c r="P101" s="106">
        <v>172.9</v>
      </c>
      <c r="Q101" s="44"/>
    </row>
    <row r="102" spans="1:17" s="219" customFormat="1" ht="22.5" customHeight="1">
      <c r="B102" s="348"/>
      <c r="C102" s="373" t="s">
        <v>28</v>
      </c>
      <c r="D102" s="350"/>
      <c r="E102" s="32"/>
      <c r="F102" s="91">
        <v>887</v>
      </c>
      <c r="G102" s="91">
        <v>1758</v>
      </c>
      <c r="H102" s="91">
        <v>859</v>
      </c>
      <c r="I102" s="105">
        <v>899</v>
      </c>
      <c r="J102" s="123">
        <v>198</v>
      </c>
      <c r="K102" s="94">
        <v>1158</v>
      </c>
      <c r="L102" s="132">
        <v>402</v>
      </c>
      <c r="M102" s="351">
        <v>1330</v>
      </c>
      <c r="N102" s="96">
        <v>459</v>
      </c>
      <c r="O102" s="103">
        <v>0</v>
      </c>
      <c r="P102" s="106">
        <v>75.7</v>
      </c>
      <c r="Q102" s="44"/>
    </row>
    <row r="103" spans="1:17" s="219" customFormat="1" ht="22.5" customHeight="1">
      <c r="B103" s="348"/>
      <c r="C103" s="373" t="s">
        <v>29</v>
      </c>
      <c r="D103" s="350"/>
      <c r="E103" s="32"/>
      <c r="F103" s="91">
        <v>412</v>
      </c>
      <c r="G103" s="91">
        <v>799</v>
      </c>
      <c r="H103" s="91">
        <v>407</v>
      </c>
      <c r="I103" s="105">
        <v>392</v>
      </c>
      <c r="J103" s="123">
        <v>73</v>
      </c>
      <c r="K103" s="94">
        <v>514</v>
      </c>
      <c r="L103" s="132">
        <v>212</v>
      </c>
      <c r="M103" s="351">
        <v>481</v>
      </c>
      <c r="N103" s="96">
        <v>71</v>
      </c>
      <c r="O103" s="103">
        <v>0</v>
      </c>
      <c r="P103" s="106">
        <v>60.2</v>
      </c>
      <c r="Q103" s="44"/>
    </row>
    <row r="104" spans="1:17" s="219" customFormat="1" ht="22.5" customHeight="1">
      <c r="B104" s="348" t="s">
        <v>699</v>
      </c>
      <c r="C104" s="373" t="s">
        <v>26</v>
      </c>
      <c r="D104" s="350"/>
      <c r="E104" s="32"/>
      <c r="F104" s="91">
        <v>1201</v>
      </c>
      <c r="G104" s="91">
        <v>2514</v>
      </c>
      <c r="H104" s="91">
        <v>1237</v>
      </c>
      <c r="I104" s="105">
        <v>1277</v>
      </c>
      <c r="J104" s="123">
        <v>265</v>
      </c>
      <c r="K104" s="94">
        <v>1526</v>
      </c>
      <c r="L104" s="132">
        <v>723</v>
      </c>
      <c r="M104" s="351">
        <v>1605</v>
      </c>
      <c r="N104" s="96">
        <v>394</v>
      </c>
      <c r="O104" s="103">
        <v>0</v>
      </c>
      <c r="P104" s="106">
        <v>63.8</v>
      </c>
      <c r="Q104" s="44"/>
    </row>
    <row r="105" spans="1:17" s="219" customFormat="1" ht="22.5" customHeight="1">
      <c r="B105" s="348"/>
      <c r="C105" s="373" t="s">
        <v>27</v>
      </c>
      <c r="D105" s="350"/>
      <c r="E105" s="32"/>
      <c r="F105" s="91">
        <v>344</v>
      </c>
      <c r="G105" s="91">
        <v>746</v>
      </c>
      <c r="H105" s="91">
        <v>368</v>
      </c>
      <c r="I105" s="105">
        <v>378</v>
      </c>
      <c r="J105" s="123">
        <v>58</v>
      </c>
      <c r="K105" s="94">
        <v>486</v>
      </c>
      <c r="L105" s="132">
        <v>202</v>
      </c>
      <c r="M105" s="351">
        <v>787</v>
      </c>
      <c r="N105" s="96">
        <v>123</v>
      </c>
      <c r="O105" s="96">
        <v>299</v>
      </c>
      <c r="P105" s="106">
        <v>105.5</v>
      </c>
      <c r="Q105" s="44"/>
    </row>
    <row r="106" spans="1:17" s="219" customFormat="1" ht="22.5" customHeight="1">
      <c r="B106" s="348"/>
      <c r="C106" s="373" t="s">
        <v>28</v>
      </c>
      <c r="D106" s="350"/>
      <c r="E106" s="32"/>
      <c r="F106" s="91">
        <v>508</v>
      </c>
      <c r="G106" s="91">
        <v>1004</v>
      </c>
      <c r="H106" s="91">
        <v>500</v>
      </c>
      <c r="I106" s="105">
        <v>504</v>
      </c>
      <c r="J106" s="123">
        <v>107</v>
      </c>
      <c r="K106" s="94">
        <v>607</v>
      </c>
      <c r="L106" s="132">
        <v>285</v>
      </c>
      <c r="M106" s="351">
        <v>673</v>
      </c>
      <c r="N106" s="96">
        <v>100</v>
      </c>
      <c r="O106" s="103">
        <v>0</v>
      </c>
      <c r="P106" s="236">
        <v>67.400000000000006</v>
      </c>
      <c r="Q106" s="44"/>
    </row>
    <row r="107" spans="1:17" s="219" customFormat="1" ht="22.5" customHeight="1">
      <c r="B107" s="348"/>
      <c r="C107" s="373" t="s">
        <v>29</v>
      </c>
      <c r="D107" s="350"/>
      <c r="E107" s="32"/>
      <c r="F107" s="91">
        <v>422</v>
      </c>
      <c r="G107" s="91">
        <v>1060</v>
      </c>
      <c r="H107" s="91">
        <v>500</v>
      </c>
      <c r="I107" s="105">
        <v>560</v>
      </c>
      <c r="J107" s="123">
        <v>116</v>
      </c>
      <c r="K107" s="94">
        <v>648</v>
      </c>
      <c r="L107" s="132">
        <v>292</v>
      </c>
      <c r="M107" s="351">
        <v>731</v>
      </c>
      <c r="N107" s="96">
        <v>255</v>
      </c>
      <c r="O107" s="103">
        <v>0</v>
      </c>
      <c r="P107" s="236">
        <v>69.2</v>
      </c>
      <c r="Q107" s="44"/>
    </row>
    <row r="108" spans="1:17" s="219" customFormat="1" ht="22.5" customHeight="1">
      <c r="B108" s="348"/>
      <c r="C108" s="373" t="s">
        <v>30</v>
      </c>
      <c r="D108" s="350"/>
      <c r="E108" s="32"/>
      <c r="F108" s="91">
        <v>224</v>
      </c>
      <c r="G108" s="91">
        <v>479</v>
      </c>
      <c r="H108" s="91">
        <v>236</v>
      </c>
      <c r="I108" s="105">
        <v>243</v>
      </c>
      <c r="J108" s="123">
        <v>69</v>
      </c>
      <c r="K108" s="94">
        <v>343</v>
      </c>
      <c r="L108" s="132">
        <v>63</v>
      </c>
      <c r="M108" s="351">
        <v>785</v>
      </c>
      <c r="N108" s="96">
        <v>538</v>
      </c>
      <c r="O108" s="103">
        <v>0</v>
      </c>
      <c r="P108" s="106">
        <v>165.3</v>
      </c>
      <c r="Q108" s="44"/>
    </row>
    <row r="109" spans="1:17" s="219" customFormat="1" ht="22.5" customHeight="1">
      <c r="B109" s="348"/>
      <c r="C109" s="373" t="s">
        <v>31</v>
      </c>
      <c r="D109" s="350"/>
      <c r="E109" s="32"/>
      <c r="F109" s="91">
        <v>361</v>
      </c>
      <c r="G109" s="91">
        <v>825</v>
      </c>
      <c r="H109" s="91">
        <v>414</v>
      </c>
      <c r="I109" s="105">
        <v>411</v>
      </c>
      <c r="J109" s="123">
        <v>107</v>
      </c>
      <c r="K109" s="94">
        <v>596</v>
      </c>
      <c r="L109" s="132">
        <v>122</v>
      </c>
      <c r="M109" s="351">
        <v>682</v>
      </c>
      <c r="N109" s="96">
        <v>321</v>
      </c>
      <c r="O109" s="103">
        <v>0</v>
      </c>
      <c r="P109" s="106">
        <v>82.7</v>
      </c>
      <c r="Q109" s="44"/>
    </row>
    <row r="110" spans="1:17" s="219" customFormat="1" ht="20.25" customHeight="1">
      <c r="B110" s="348"/>
      <c r="C110" s="373" t="s">
        <v>32</v>
      </c>
      <c r="D110" s="350"/>
      <c r="E110" s="32"/>
      <c r="F110" s="91">
        <v>263</v>
      </c>
      <c r="G110" s="91">
        <v>592</v>
      </c>
      <c r="H110" s="91">
        <v>284</v>
      </c>
      <c r="I110" s="105">
        <v>308</v>
      </c>
      <c r="J110" s="123">
        <v>76</v>
      </c>
      <c r="K110" s="94">
        <v>388</v>
      </c>
      <c r="L110" s="132">
        <v>128</v>
      </c>
      <c r="M110" s="351">
        <v>368</v>
      </c>
      <c r="N110" s="96">
        <v>72</v>
      </c>
      <c r="O110" s="103">
        <v>0</v>
      </c>
      <c r="P110" s="106">
        <v>62.2</v>
      </c>
      <c r="Q110" s="44"/>
    </row>
    <row r="111" spans="1:17" s="219" customFormat="1" ht="20.25" customHeight="1">
      <c r="B111" s="348"/>
      <c r="C111" s="373" t="s">
        <v>33</v>
      </c>
      <c r="D111" s="350"/>
      <c r="E111" s="32"/>
      <c r="F111" s="91">
        <v>297</v>
      </c>
      <c r="G111" s="91">
        <v>714</v>
      </c>
      <c r="H111" s="91">
        <v>366</v>
      </c>
      <c r="I111" s="105">
        <v>348</v>
      </c>
      <c r="J111" s="123">
        <v>116</v>
      </c>
      <c r="K111" s="94">
        <v>501</v>
      </c>
      <c r="L111" s="132">
        <v>90</v>
      </c>
      <c r="M111" s="351">
        <v>509</v>
      </c>
      <c r="N111" s="96">
        <v>188</v>
      </c>
      <c r="O111" s="103">
        <v>0</v>
      </c>
      <c r="P111" s="106">
        <v>72</v>
      </c>
      <c r="Q111" s="44"/>
    </row>
    <row r="112" spans="1:17" s="219" customFormat="1" ht="20.25" customHeight="1">
      <c r="A112" s="220"/>
      <c r="B112" s="352"/>
      <c r="C112" s="374" t="s">
        <v>34</v>
      </c>
      <c r="D112" s="354"/>
      <c r="E112" s="40"/>
      <c r="F112" s="115">
        <v>280</v>
      </c>
      <c r="G112" s="115">
        <v>649</v>
      </c>
      <c r="H112" s="115">
        <v>313</v>
      </c>
      <c r="I112" s="114">
        <v>336</v>
      </c>
      <c r="J112" s="127">
        <v>42</v>
      </c>
      <c r="K112" s="118">
        <v>417</v>
      </c>
      <c r="L112" s="276">
        <v>188</v>
      </c>
      <c r="M112" s="355">
        <v>913</v>
      </c>
      <c r="N112" s="120">
        <v>362</v>
      </c>
      <c r="O112" s="120">
        <v>250</v>
      </c>
      <c r="P112" s="122">
        <v>141.1</v>
      </c>
      <c r="Q112" s="44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1" fitToHeight="0" orientation="portrait" r:id="rId1"/>
  <headerFooter alignWithMargins="0"/>
  <rowBreaks count="2" manualBreakCount="2">
    <brk id="45" max="15" man="1"/>
    <brk id="84" max="15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58"/>
  <sheetViews>
    <sheetView zoomScaleNormal="100" zoomScaleSheetLayoutView="115" workbookViewId="0">
      <pane ySplit="8" topLeftCell="A9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44" customWidth="1"/>
    <col min="6" max="6" width="9.1640625" style="44" customWidth="1"/>
    <col min="7" max="7" width="11.5" style="44" customWidth="1"/>
    <col min="8" max="9" width="9.83203125" style="44" customWidth="1"/>
    <col min="10" max="12" width="9.6640625" style="44" customWidth="1"/>
    <col min="13" max="15" width="9.83203125" style="45" customWidth="1"/>
    <col min="16" max="16" width="10.83203125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207" t="s">
        <v>700</v>
      </c>
    </row>
    <row r="6" spans="1:16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16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16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16" s="219" customFormat="1" ht="15" customHeight="1">
      <c r="B9" s="455" t="s">
        <v>92</v>
      </c>
      <c r="C9" s="466"/>
      <c r="D9" s="356"/>
      <c r="E9" s="28"/>
      <c r="F9" s="152">
        <v>83842</v>
      </c>
      <c r="G9" s="152">
        <v>200678</v>
      </c>
      <c r="H9" s="152">
        <v>95866</v>
      </c>
      <c r="I9" s="81">
        <v>104812</v>
      </c>
      <c r="J9" s="346">
        <v>30680</v>
      </c>
      <c r="K9" s="83">
        <v>129243</v>
      </c>
      <c r="L9" s="287">
        <v>40394</v>
      </c>
      <c r="M9" s="347">
        <v>185484</v>
      </c>
      <c r="N9" s="85">
        <v>72769</v>
      </c>
      <c r="O9" s="85">
        <v>21678</v>
      </c>
      <c r="P9" s="86">
        <v>92.6</v>
      </c>
    </row>
    <row r="10" spans="1:16" s="219" customFormat="1" ht="3" customHeight="1">
      <c r="B10" s="348"/>
      <c r="C10" s="373"/>
      <c r="D10" s="350"/>
      <c r="E10" s="32"/>
      <c r="F10" s="91"/>
      <c r="G10" s="91"/>
      <c r="H10" s="91"/>
      <c r="I10" s="105"/>
      <c r="J10" s="123"/>
      <c r="K10" s="94"/>
      <c r="L10" s="132"/>
      <c r="M10" s="351"/>
      <c r="N10" s="96"/>
      <c r="O10" s="96"/>
      <c r="P10" s="106"/>
    </row>
    <row r="11" spans="1:16" s="219" customFormat="1" ht="15" customHeight="1">
      <c r="B11" s="348" t="s">
        <v>701</v>
      </c>
      <c r="C11" s="373" t="s">
        <v>26</v>
      </c>
      <c r="D11" s="350"/>
      <c r="E11" s="32"/>
      <c r="F11" s="91">
        <v>235</v>
      </c>
      <c r="G11" s="91">
        <v>604</v>
      </c>
      <c r="H11" s="91">
        <v>314</v>
      </c>
      <c r="I11" s="105">
        <v>290</v>
      </c>
      <c r="J11" s="123">
        <v>118</v>
      </c>
      <c r="K11" s="94">
        <v>431</v>
      </c>
      <c r="L11" s="132">
        <v>55</v>
      </c>
      <c r="M11" s="351">
        <v>1089</v>
      </c>
      <c r="N11" s="96">
        <v>841</v>
      </c>
      <c r="O11" s="103">
        <v>0</v>
      </c>
      <c r="P11" s="106">
        <v>180.3</v>
      </c>
    </row>
    <row r="12" spans="1:16" s="219" customFormat="1" ht="15" customHeight="1">
      <c r="B12" s="348"/>
      <c r="C12" s="373" t="s">
        <v>27</v>
      </c>
      <c r="D12" s="350"/>
      <c r="E12" s="32"/>
      <c r="F12" s="91">
        <v>301</v>
      </c>
      <c r="G12" s="91">
        <v>614</v>
      </c>
      <c r="H12" s="91">
        <v>302</v>
      </c>
      <c r="I12" s="105">
        <v>312</v>
      </c>
      <c r="J12" s="123">
        <v>70</v>
      </c>
      <c r="K12" s="94">
        <v>422</v>
      </c>
      <c r="L12" s="132">
        <v>116</v>
      </c>
      <c r="M12" s="351">
        <v>749</v>
      </c>
      <c r="N12" s="96">
        <v>484</v>
      </c>
      <c r="O12" s="103">
        <v>0</v>
      </c>
      <c r="P12" s="106">
        <v>123.2</v>
      </c>
    </row>
    <row r="13" spans="1:16" s="219" customFormat="1" ht="15" customHeight="1">
      <c r="B13" s="348" t="s">
        <v>702</v>
      </c>
      <c r="C13" s="373" t="s">
        <v>26</v>
      </c>
      <c r="D13" s="350"/>
      <c r="E13" s="32"/>
      <c r="F13" s="91">
        <v>483</v>
      </c>
      <c r="G13" s="91">
        <v>1089</v>
      </c>
      <c r="H13" s="91">
        <v>510</v>
      </c>
      <c r="I13" s="105">
        <v>579</v>
      </c>
      <c r="J13" s="123">
        <v>130</v>
      </c>
      <c r="K13" s="94">
        <v>790</v>
      </c>
      <c r="L13" s="132">
        <v>169</v>
      </c>
      <c r="M13" s="351">
        <v>1571</v>
      </c>
      <c r="N13" s="96">
        <v>1102</v>
      </c>
      <c r="O13" s="103">
        <v>0</v>
      </c>
      <c r="P13" s="106">
        <v>144.30000000000001</v>
      </c>
    </row>
    <row r="14" spans="1:16" s="219" customFormat="1" ht="15" customHeight="1">
      <c r="B14" s="348"/>
      <c r="C14" s="373" t="s">
        <v>27</v>
      </c>
      <c r="D14" s="350"/>
      <c r="E14" s="32"/>
      <c r="F14" s="91">
        <v>334</v>
      </c>
      <c r="G14" s="91">
        <v>873</v>
      </c>
      <c r="H14" s="91">
        <v>435</v>
      </c>
      <c r="I14" s="105">
        <v>438</v>
      </c>
      <c r="J14" s="123">
        <v>145</v>
      </c>
      <c r="K14" s="94">
        <v>579</v>
      </c>
      <c r="L14" s="132">
        <v>149</v>
      </c>
      <c r="M14" s="351">
        <v>1188</v>
      </c>
      <c r="N14" s="96">
        <v>791</v>
      </c>
      <c r="O14" s="103">
        <v>0</v>
      </c>
      <c r="P14" s="106">
        <v>136.1</v>
      </c>
    </row>
    <row r="15" spans="1:16" s="219" customFormat="1" ht="15" customHeight="1">
      <c r="B15" s="348" t="s">
        <v>703</v>
      </c>
      <c r="C15" s="373" t="s">
        <v>26</v>
      </c>
      <c r="D15" s="350"/>
      <c r="E15" s="32"/>
      <c r="F15" s="91">
        <v>883</v>
      </c>
      <c r="G15" s="91">
        <v>2154</v>
      </c>
      <c r="H15" s="91">
        <v>1035</v>
      </c>
      <c r="I15" s="105">
        <v>1119</v>
      </c>
      <c r="J15" s="123">
        <v>306</v>
      </c>
      <c r="K15" s="94">
        <v>1436</v>
      </c>
      <c r="L15" s="132">
        <v>412</v>
      </c>
      <c r="M15" s="351">
        <v>1627</v>
      </c>
      <c r="N15" s="96">
        <v>720</v>
      </c>
      <c r="O15" s="103">
        <v>0</v>
      </c>
      <c r="P15" s="106">
        <v>75.5</v>
      </c>
    </row>
    <row r="16" spans="1:16" s="219" customFormat="1" ht="15" customHeight="1">
      <c r="B16" s="348"/>
      <c r="C16" s="373" t="s">
        <v>27</v>
      </c>
      <c r="D16" s="350"/>
      <c r="E16" s="32"/>
      <c r="F16" s="91">
        <v>791</v>
      </c>
      <c r="G16" s="91">
        <v>1772</v>
      </c>
      <c r="H16" s="91">
        <v>871</v>
      </c>
      <c r="I16" s="105">
        <v>901</v>
      </c>
      <c r="J16" s="123">
        <v>308</v>
      </c>
      <c r="K16" s="94">
        <v>1251</v>
      </c>
      <c r="L16" s="132">
        <v>195</v>
      </c>
      <c r="M16" s="351">
        <v>1678</v>
      </c>
      <c r="N16" s="96">
        <v>896</v>
      </c>
      <c r="O16" s="103">
        <v>0</v>
      </c>
      <c r="P16" s="106">
        <v>95.7</v>
      </c>
    </row>
    <row r="17" spans="2:16" s="219" customFormat="1" ht="15" customHeight="1">
      <c r="B17" s="348"/>
      <c r="C17" s="373" t="s">
        <v>28</v>
      </c>
      <c r="D17" s="350"/>
      <c r="E17" s="32"/>
      <c r="F17" s="91">
        <v>462</v>
      </c>
      <c r="G17" s="91">
        <v>1061</v>
      </c>
      <c r="H17" s="91">
        <v>527</v>
      </c>
      <c r="I17" s="105">
        <v>534</v>
      </c>
      <c r="J17" s="123">
        <v>132</v>
      </c>
      <c r="K17" s="94">
        <v>756</v>
      </c>
      <c r="L17" s="132">
        <v>170</v>
      </c>
      <c r="M17" s="351">
        <v>738</v>
      </c>
      <c r="N17" s="96">
        <v>297</v>
      </c>
      <c r="O17" s="103">
        <v>0</v>
      </c>
      <c r="P17" s="106">
        <v>69.8</v>
      </c>
    </row>
    <row r="18" spans="2:16" s="219" customFormat="1" ht="15" customHeight="1">
      <c r="B18" s="348"/>
      <c r="C18" s="373" t="s">
        <v>29</v>
      </c>
      <c r="D18" s="350"/>
      <c r="E18" s="32"/>
      <c r="F18" s="91">
        <v>273</v>
      </c>
      <c r="G18" s="91">
        <v>620</v>
      </c>
      <c r="H18" s="91">
        <v>311</v>
      </c>
      <c r="I18" s="105">
        <v>309</v>
      </c>
      <c r="J18" s="123">
        <v>95</v>
      </c>
      <c r="K18" s="94">
        <v>430</v>
      </c>
      <c r="L18" s="132">
        <v>95</v>
      </c>
      <c r="M18" s="351">
        <v>838</v>
      </c>
      <c r="N18" s="96">
        <v>540</v>
      </c>
      <c r="O18" s="103">
        <v>0</v>
      </c>
      <c r="P18" s="106">
        <v>135.19999999999999</v>
      </c>
    </row>
    <row r="19" spans="2:16" s="219" customFormat="1" ht="15" customHeight="1">
      <c r="B19" s="348" t="s">
        <v>704</v>
      </c>
      <c r="C19" s="373"/>
      <c r="D19" s="350"/>
      <c r="E19" s="32"/>
      <c r="F19" s="91">
        <v>550</v>
      </c>
      <c r="G19" s="91">
        <v>1327</v>
      </c>
      <c r="H19" s="91">
        <v>617</v>
      </c>
      <c r="I19" s="105">
        <v>710</v>
      </c>
      <c r="J19" s="123">
        <v>253</v>
      </c>
      <c r="K19" s="94">
        <v>909</v>
      </c>
      <c r="L19" s="132">
        <v>160</v>
      </c>
      <c r="M19" s="351">
        <v>1314</v>
      </c>
      <c r="N19" s="96">
        <v>775</v>
      </c>
      <c r="O19" s="103">
        <v>0</v>
      </c>
      <c r="P19" s="106">
        <v>99.4</v>
      </c>
    </row>
    <row r="20" spans="2:16" s="219" customFormat="1" ht="15.75" customHeight="1">
      <c r="B20" s="348" t="s">
        <v>705</v>
      </c>
      <c r="C20" s="373" t="s">
        <v>26</v>
      </c>
      <c r="D20" s="350"/>
      <c r="E20" s="32"/>
      <c r="F20" s="91">
        <v>499</v>
      </c>
      <c r="G20" s="91">
        <v>1179</v>
      </c>
      <c r="H20" s="91">
        <v>525</v>
      </c>
      <c r="I20" s="105">
        <v>654</v>
      </c>
      <c r="J20" s="123">
        <v>156</v>
      </c>
      <c r="K20" s="94">
        <v>744</v>
      </c>
      <c r="L20" s="132">
        <v>279</v>
      </c>
      <c r="M20" s="351">
        <v>1098</v>
      </c>
      <c r="N20" s="96">
        <v>519</v>
      </c>
      <c r="O20" s="103">
        <v>0</v>
      </c>
      <c r="P20" s="106">
        <v>93.1</v>
      </c>
    </row>
    <row r="21" spans="2:16" s="219" customFormat="1" ht="15.75" customHeight="1">
      <c r="B21" s="348"/>
      <c r="C21" s="373" t="s">
        <v>27</v>
      </c>
      <c r="D21" s="350"/>
      <c r="E21" s="32"/>
      <c r="F21" s="91">
        <v>259</v>
      </c>
      <c r="G21" s="91">
        <v>636</v>
      </c>
      <c r="H21" s="91">
        <v>290</v>
      </c>
      <c r="I21" s="105">
        <v>346</v>
      </c>
      <c r="J21" s="123">
        <v>93</v>
      </c>
      <c r="K21" s="94">
        <v>404</v>
      </c>
      <c r="L21" s="132">
        <v>139</v>
      </c>
      <c r="M21" s="351">
        <v>482</v>
      </c>
      <c r="N21" s="96">
        <v>231</v>
      </c>
      <c r="O21" s="103">
        <v>0</v>
      </c>
      <c r="P21" s="106">
        <v>75.8</v>
      </c>
    </row>
    <row r="22" spans="2:16" s="219" customFormat="1" ht="15.75" customHeight="1">
      <c r="B22" s="348" t="s">
        <v>706</v>
      </c>
      <c r="C22" s="373" t="s">
        <v>26</v>
      </c>
      <c r="D22" s="350"/>
      <c r="E22" s="32"/>
      <c r="F22" s="91">
        <v>1086</v>
      </c>
      <c r="G22" s="91">
        <v>2462</v>
      </c>
      <c r="H22" s="91">
        <v>1098</v>
      </c>
      <c r="I22" s="105">
        <v>1364</v>
      </c>
      <c r="J22" s="123">
        <v>244</v>
      </c>
      <c r="K22" s="94">
        <v>1494</v>
      </c>
      <c r="L22" s="132">
        <v>724</v>
      </c>
      <c r="M22" s="351">
        <v>2960</v>
      </c>
      <c r="N22" s="96">
        <v>886</v>
      </c>
      <c r="O22" s="96">
        <v>946</v>
      </c>
      <c r="P22" s="106">
        <v>120.2</v>
      </c>
    </row>
    <row r="23" spans="2:16" s="219" customFormat="1" ht="15.75" customHeight="1">
      <c r="B23" s="348"/>
      <c r="C23" s="373" t="s">
        <v>27</v>
      </c>
      <c r="D23" s="350"/>
      <c r="E23" s="32"/>
      <c r="F23" s="91">
        <v>227</v>
      </c>
      <c r="G23" s="91">
        <v>499</v>
      </c>
      <c r="H23" s="91">
        <v>243</v>
      </c>
      <c r="I23" s="105">
        <v>256</v>
      </c>
      <c r="J23" s="123">
        <v>55</v>
      </c>
      <c r="K23" s="94">
        <v>313</v>
      </c>
      <c r="L23" s="132">
        <v>127</v>
      </c>
      <c r="M23" s="351">
        <v>464</v>
      </c>
      <c r="N23" s="96">
        <v>233</v>
      </c>
      <c r="O23" s="103">
        <v>0</v>
      </c>
      <c r="P23" s="106">
        <v>93.7</v>
      </c>
    </row>
    <row r="24" spans="2:16" s="219" customFormat="1" ht="15.75" customHeight="1">
      <c r="B24" s="348" t="s">
        <v>707</v>
      </c>
      <c r="C24" s="373" t="s">
        <v>26</v>
      </c>
      <c r="D24" s="350"/>
      <c r="E24" s="32"/>
      <c r="F24" s="91">
        <v>376</v>
      </c>
      <c r="G24" s="91">
        <v>825</v>
      </c>
      <c r="H24" s="91">
        <v>421</v>
      </c>
      <c r="I24" s="105">
        <v>404</v>
      </c>
      <c r="J24" s="123">
        <v>115</v>
      </c>
      <c r="K24" s="94">
        <v>512</v>
      </c>
      <c r="L24" s="132">
        <v>198</v>
      </c>
      <c r="M24" s="351">
        <v>566</v>
      </c>
      <c r="N24" s="96">
        <v>159</v>
      </c>
      <c r="O24" s="103">
        <v>0</v>
      </c>
      <c r="P24" s="106">
        <v>68.599999999999994</v>
      </c>
    </row>
    <row r="25" spans="2:16" s="219" customFormat="1" ht="15.75" customHeight="1">
      <c r="B25" s="348"/>
      <c r="C25" s="373" t="s">
        <v>27</v>
      </c>
      <c r="D25" s="350"/>
      <c r="E25" s="32"/>
      <c r="F25" s="91">
        <v>404</v>
      </c>
      <c r="G25" s="91">
        <v>852</v>
      </c>
      <c r="H25" s="91">
        <v>457</v>
      </c>
      <c r="I25" s="105">
        <v>395</v>
      </c>
      <c r="J25" s="123">
        <v>123</v>
      </c>
      <c r="K25" s="94">
        <v>571</v>
      </c>
      <c r="L25" s="132">
        <v>158</v>
      </c>
      <c r="M25" s="351">
        <v>573</v>
      </c>
      <c r="N25" s="96">
        <v>142</v>
      </c>
      <c r="O25" s="103">
        <v>0</v>
      </c>
      <c r="P25" s="106">
        <v>67.3</v>
      </c>
    </row>
    <row r="26" spans="2:16" s="219" customFormat="1" ht="15.75" customHeight="1">
      <c r="B26" s="348"/>
      <c r="C26" s="373" t="s">
        <v>28</v>
      </c>
      <c r="D26" s="350"/>
      <c r="E26" s="32"/>
      <c r="F26" s="91">
        <v>207</v>
      </c>
      <c r="G26" s="91">
        <v>433</v>
      </c>
      <c r="H26" s="91">
        <v>194</v>
      </c>
      <c r="I26" s="105">
        <v>239</v>
      </c>
      <c r="J26" s="123">
        <v>56</v>
      </c>
      <c r="K26" s="94">
        <v>273</v>
      </c>
      <c r="L26" s="132">
        <v>101</v>
      </c>
      <c r="M26" s="351">
        <v>415</v>
      </c>
      <c r="N26" s="96">
        <v>183</v>
      </c>
      <c r="O26" s="103">
        <v>0</v>
      </c>
      <c r="P26" s="106">
        <v>96.5</v>
      </c>
    </row>
    <row r="27" spans="2:16" s="219" customFormat="1" ht="15.75" customHeight="1">
      <c r="B27" s="348" t="s">
        <v>708</v>
      </c>
      <c r="C27" s="373" t="s">
        <v>26</v>
      </c>
      <c r="D27" s="350"/>
      <c r="E27" s="32"/>
      <c r="F27" s="91">
        <v>639</v>
      </c>
      <c r="G27" s="91">
        <v>1648</v>
      </c>
      <c r="H27" s="91">
        <v>778</v>
      </c>
      <c r="I27" s="105">
        <v>870</v>
      </c>
      <c r="J27" s="123">
        <v>296</v>
      </c>
      <c r="K27" s="94">
        <v>1126</v>
      </c>
      <c r="L27" s="132">
        <v>226</v>
      </c>
      <c r="M27" s="351">
        <v>2495</v>
      </c>
      <c r="N27" s="96">
        <v>1018</v>
      </c>
      <c r="O27" s="96">
        <v>878</v>
      </c>
      <c r="P27" s="106">
        <v>151.4</v>
      </c>
    </row>
    <row r="28" spans="2:16" s="219" customFormat="1" ht="15.75" customHeight="1">
      <c r="B28" s="348"/>
      <c r="C28" s="373" t="s">
        <v>27</v>
      </c>
      <c r="D28" s="350"/>
      <c r="E28" s="32"/>
      <c r="F28" s="91">
        <v>702</v>
      </c>
      <c r="G28" s="91">
        <v>1699</v>
      </c>
      <c r="H28" s="91">
        <v>802</v>
      </c>
      <c r="I28" s="105">
        <v>897</v>
      </c>
      <c r="J28" s="123">
        <v>286</v>
      </c>
      <c r="K28" s="94">
        <v>1059</v>
      </c>
      <c r="L28" s="132">
        <v>354</v>
      </c>
      <c r="M28" s="351">
        <v>1373</v>
      </c>
      <c r="N28" s="96">
        <v>657</v>
      </c>
      <c r="O28" s="103">
        <v>0</v>
      </c>
      <c r="P28" s="106">
        <v>80.8</v>
      </c>
    </row>
    <row r="29" spans="2:16" s="219" customFormat="1" ht="15.75" customHeight="1">
      <c r="B29" s="348"/>
      <c r="C29" s="373" t="s">
        <v>28</v>
      </c>
      <c r="D29" s="350"/>
      <c r="E29" s="32"/>
      <c r="F29" s="91">
        <v>348</v>
      </c>
      <c r="G29" s="91">
        <v>714</v>
      </c>
      <c r="H29" s="91">
        <v>361</v>
      </c>
      <c r="I29" s="105">
        <v>353</v>
      </c>
      <c r="J29" s="123">
        <v>84</v>
      </c>
      <c r="K29" s="94">
        <v>509</v>
      </c>
      <c r="L29" s="132">
        <v>121</v>
      </c>
      <c r="M29" s="351">
        <v>1031</v>
      </c>
      <c r="N29" s="96">
        <v>748</v>
      </c>
      <c r="O29" s="103">
        <v>0</v>
      </c>
      <c r="P29" s="106">
        <v>144.4</v>
      </c>
    </row>
    <row r="30" spans="2:16" s="219" customFormat="1" ht="15.75" customHeight="1">
      <c r="B30" s="348"/>
      <c r="C30" s="373" t="s">
        <v>29</v>
      </c>
      <c r="D30" s="350"/>
      <c r="E30" s="32"/>
      <c r="F30" s="91">
        <v>347</v>
      </c>
      <c r="G30" s="91">
        <v>749</v>
      </c>
      <c r="H30" s="91">
        <v>363</v>
      </c>
      <c r="I30" s="105">
        <v>386</v>
      </c>
      <c r="J30" s="123">
        <v>87</v>
      </c>
      <c r="K30" s="94">
        <v>481</v>
      </c>
      <c r="L30" s="132">
        <v>178</v>
      </c>
      <c r="M30" s="351">
        <v>1197</v>
      </c>
      <c r="N30" s="96">
        <v>324</v>
      </c>
      <c r="O30" s="96">
        <v>547</v>
      </c>
      <c r="P30" s="106">
        <v>160.5</v>
      </c>
    </row>
    <row r="31" spans="2:16" s="219" customFormat="1" ht="15.75" customHeight="1">
      <c r="B31" s="348"/>
      <c r="C31" s="373" t="s">
        <v>30</v>
      </c>
      <c r="D31" s="350"/>
      <c r="E31" s="32"/>
      <c r="F31" s="91">
        <v>285</v>
      </c>
      <c r="G31" s="91">
        <v>607</v>
      </c>
      <c r="H31" s="91">
        <v>288</v>
      </c>
      <c r="I31" s="105">
        <v>319</v>
      </c>
      <c r="J31" s="123">
        <v>93</v>
      </c>
      <c r="K31" s="94">
        <v>425</v>
      </c>
      <c r="L31" s="132">
        <v>88</v>
      </c>
      <c r="M31" s="351">
        <v>771</v>
      </c>
      <c r="N31" s="96">
        <v>485</v>
      </c>
      <c r="O31" s="103">
        <v>0</v>
      </c>
      <c r="P31" s="106">
        <v>127.2</v>
      </c>
    </row>
    <row r="32" spans="2:16" s="219" customFormat="1" ht="15.75" customHeight="1">
      <c r="B32" s="348" t="s">
        <v>709</v>
      </c>
      <c r="C32" s="373" t="s">
        <v>26</v>
      </c>
      <c r="D32" s="350"/>
      <c r="E32" s="32"/>
      <c r="F32" s="91">
        <v>522</v>
      </c>
      <c r="G32" s="91">
        <v>1196</v>
      </c>
      <c r="H32" s="91">
        <v>556</v>
      </c>
      <c r="I32" s="105">
        <v>640</v>
      </c>
      <c r="J32" s="123">
        <v>145</v>
      </c>
      <c r="K32" s="94">
        <v>775</v>
      </c>
      <c r="L32" s="132">
        <v>271</v>
      </c>
      <c r="M32" s="351">
        <v>966</v>
      </c>
      <c r="N32" s="96">
        <v>448</v>
      </c>
      <c r="O32" s="103">
        <v>0</v>
      </c>
      <c r="P32" s="106">
        <v>81.099999999999994</v>
      </c>
    </row>
    <row r="33" spans="2:16" s="219" customFormat="1" ht="15.75" customHeight="1">
      <c r="B33" s="348"/>
      <c r="C33" s="373" t="s">
        <v>27</v>
      </c>
      <c r="D33" s="350"/>
      <c r="E33" s="32"/>
      <c r="F33" s="91">
        <v>541</v>
      </c>
      <c r="G33" s="91">
        <v>1078</v>
      </c>
      <c r="H33" s="91">
        <v>508</v>
      </c>
      <c r="I33" s="105">
        <v>570</v>
      </c>
      <c r="J33" s="123">
        <v>110</v>
      </c>
      <c r="K33" s="94">
        <v>724</v>
      </c>
      <c r="L33" s="132">
        <v>244</v>
      </c>
      <c r="M33" s="351">
        <v>1203</v>
      </c>
      <c r="N33" s="96">
        <v>669</v>
      </c>
      <c r="O33" s="103">
        <v>0</v>
      </c>
      <c r="P33" s="106">
        <v>111.6</v>
      </c>
    </row>
    <row r="34" spans="2:16" s="219" customFormat="1" ht="15.75" customHeight="1">
      <c r="B34" s="348"/>
      <c r="C34" s="373" t="s">
        <v>28</v>
      </c>
      <c r="D34" s="350"/>
      <c r="E34" s="32"/>
      <c r="F34" s="91">
        <v>349</v>
      </c>
      <c r="G34" s="91">
        <v>876</v>
      </c>
      <c r="H34" s="91">
        <v>405</v>
      </c>
      <c r="I34" s="105">
        <v>471</v>
      </c>
      <c r="J34" s="123">
        <v>112</v>
      </c>
      <c r="K34" s="94">
        <v>531</v>
      </c>
      <c r="L34" s="132">
        <v>233</v>
      </c>
      <c r="M34" s="351">
        <v>639</v>
      </c>
      <c r="N34" s="96">
        <v>289</v>
      </c>
      <c r="O34" s="103">
        <v>0</v>
      </c>
      <c r="P34" s="106">
        <v>72.900000000000006</v>
      </c>
    </row>
    <row r="35" spans="2:16" s="219" customFormat="1" ht="15.75" customHeight="1">
      <c r="B35" s="348"/>
      <c r="C35" s="373" t="s">
        <v>29</v>
      </c>
      <c r="D35" s="350"/>
      <c r="E35" s="32"/>
      <c r="F35" s="91">
        <v>480</v>
      </c>
      <c r="G35" s="91">
        <v>1120</v>
      </c>
      <c r="H35" s="91">
        <v>517</v>
      </c>
      <c r="I35" s="105">
        <v>603</v>
      </c>
      <c r="J35" s="123">
        <v>132</v>
      </c>
      <c r="K35" s="94">
        <v>697</v>
      </c>
      <c r="L35" s="132">
        <v>291</v>
      </c>
      <c r="M35" s="351">
        <v>980</v>
      </c>
      <c r="N35" s="96">
        <v>452</v>
      </c>
      <c r="O35" s="103">
        <v>0</v>
      </c>
      <c r="P35" s="106">
        <v>87.5</v>
      </c>
    </row>
    <row r="36" spans="2:16" s="219" customFormat="1" ht="15.75" customHeight="1">
      <c r="B36" s="348"/>
      <c r="C36" s="373" t="s">
        <v>30</v>
      </c>
      <c r="D36" s="350"/>
      <c r="E36" s="32"/>
      <c r="F36" s="91">
        <v>499</v>
      </c>
      <c r="G36" s="91">
        <v>1326</v>
      </c>
      <c r="H36" s="91">
        <v>617</v>
      </c>
      <c r="I36" s="105">
        <v>709</v>
      </c>
      <c r="J36" s="123">
        <v>234</v>
      </c>
      <c r="K36" s="94">
        <v>806</v>
      </c>
      <c r="L36" s="132">
        <v>285</v>
      </c>
      <c r="M36" s="351">
        <v>874</v>
      </c>
      <c r="N36" s="96">
        <v>312</v>
      </c>
      <c r="O36" s="103">
        <v>0</v>
      </c>
      <c r="P36" s="106">
        <v>66</v>
      </c>
    </row>
    <row r="37" spans="2:16" s="219" customFormat="1" ht="15.75" customHeight="1">
      <c r="B37" s="348" t="s">
        <v>710</v>
      </c>
      <c r="C37" s="373" t="s">
        <v>26</v>
      </c>
      <c r="D37" s="350"/>
      <c r="E37" s="32"/>
      <c r="F37" s="91">
        <v>389</v>
      </c>
      <c r="G37" s="91">
        <v>1024</v>
      </c>
      <c r="H37" s="91">
        <v>493</v>
      </c>
      <c r="I37" s="105">
        <v>531</v>
      </c>
      <c r="J37" s="123">
        <v>167</v>
      </c>
      <c r="K37" s="94">
        <v>654</v>
      </c>
      <c r="L37" s="132">
        <v>203</v>
      </c>
      <c r="M37" s="351">
        <v>1003</v>
      </c>
      <c r="N37" s="96">
        <v>549</v>
      </c>
      <c r="O37" s="96">
        <v>53</v>
      </c>
      <c r="P37" s="106">
        <v>97.9</v>
      </c>
    </row>
    <row r="38" spans="2:16" s="219" customFormat="1" ht="15" customHeight="1">
      <c r="B38" s="348"/>
      <c r="C38" s="373" t="s">
        <v>27</v>
      </c>
      <c r="D38" s="350"/>
      <c r="E38" s="32"/>
      <c r="F38" s="91">
        <v>409</v>
      </c>
      <c r="G38" s="91">
        <v>965</v>
      </c>
      <c r="H38" s="91">
        <v>468</v>
      </c>
      <c r="I38" s="105">
        <v>497</v>
      </c>
      <c r="J38" s="123">
        <v>150</v>
      </c>
      <c r="K38" s="94">
        <v>625</v>
      </c>
      <c r="L38" s="132">
        <v>190</v>
      </c>
      <c r="M38" s="351">
        <v>789</v>
      </c>
      <c r="N38" s="96">
        <v>346</v>
      </c>
      <c r="O38" s="103">
        <v>0</v>
      </c>
      <c r="P38" s="106">
        <v>81.8</v>
      </c>
    </row>
    <row r="39" spans="2:16" s="219" customFormat="1" ht="15" customHeight="1">
      <c r="B39" s="348"/>
      <c r="C39" s="373" t="s">
        <v>28</v>
      </c>
      <c r="D39" s="350"/>
      <c r="E39" s="32"/>
      <c r="F39" s="91">
        <v>346</v>
      </c>
      <c r="G39" s="91">
        <v>812</v>
      </c>
      <c r="H39" s="91">
        <v>415</v>
      </c>
      <c r="I39" s="105">
        <v>397</v>
      </c>
      <c r="J39" s="123">
        <v>134</v>
      </c>
      <c r="K39" s="94">
        <v>549</v>
      </c>
      <c r="L39" s="132">
        <v>126</v>
      </c>
      <c r="M39" s="351">
        <v>532</v>
      </c>
      <c r="N39" s="96">
        <v>165</v>
      </c>
      <c r="O39" s="103">
        <v>0</v>
      </c>
      <c r="P39" s="106">
        <v>65.8</v>
      </c>
    </row>
    <row r="40" spans="2:16" s="219" customFormat="1" ht="15" customHeight="1">
      <c r="B40" s="348"/>
      <c r="C40" s="373" t="s">
        <v>29</v>
      </c>
      <c r="D40" s="350"/>
      <c r="E40" s="32"/>
      <c r="F40" s="91">
        <v>387</v>
      </c>
      <c r="G40" s="91">
        <v>931</v>
      </c>
      <c r="H40" s="91">
        <v>451</v>
      </c>
      <c r="I40" s="105">
        <v>480</v>
      </c>
      <c r="J40" s="123">
        <v>169</v>
      </c>
      <c r="K40" s="94">
        <v>619</v>
      </c>
      <c r="L40" s="132">
        <v>143</v>
      </c>
      <c r="M40" s="351">
        <v>742</v>
      </c>
      <c r="N40" s="96">
        <v>341</v>
      </c>
      <c r="O40" s="103">
        <v>0</v>
      </c>
      <c r="P40" s="106">
        <v>79.7</v>
      </c>
    </row>
    <row r="41" spans="2:16" s="219" customFormat="1" ht="15" customHeight="1">
      <c r="B41" s="348" t="s">
        <v>711</v>
      </c>
      <c r="C41" s="373" t="s">
        <v>26</v>
      </c>
      <c r="D41" s="350"/>
      <c r="E41" s="32"/>
      <c r="F41" s="91">
        <v>340</v>
      </c>
      <c r="G41" s="91">
        <v>806</v>
      </c>
      <c r="H41" s="91">
        <v>410</v>
      </c>
      <c r="I41" s="105">
        <v>396</v>
      </c>
      <c r="J41" s="123">
        <v>127</v>
      </c>
      <c r="K41" s="94">
        <v>557</v>
      </c>
      <c r="L41" s="132">
        <v>122</v>
      </c>
      <c r="M41" s="351">
        <v>912</v>
      </c>
      <c r="N41" s="96">
        <v>609</v>
      </c>
      <c r="O41" s="103">
        <v>0</v>
      </c>
      <c r="P41" s="106">
        <v>113.2</v>
      </c>
    </row>
    <row r="42" spans="2:16" s="219" customFormat="1" ht="15" customHeight="1">
      <c r="B42" s="348"/>
      <c r="C42" s="373" t="s">
        <v>27</v>
      </c>
      <c r="D42" s="350"/>
      <c r="E42" s="32"/>
      <c r="F42" s="91">
        <v>127</v>
      </c>
      <c r="G42" s="91">
        <v>265</v>
      </c>
      <c r="H42" s="91">
        <v>130</v>
      </c>
      <c r="I42" s="105">
        <v>135</v>
      </c>
      <c r="J42" s="123">
        <v>34</v>
      </c>
      <c r="K42" s="94">
        <v>177</v>
      </c>
      <c r="L42" s="132">
        <v>54</v>
      </c>
      <c r="M42" s="351">
        <v>1579</v>
      </c>
      <c r="N42" s="96">
        <v>339</v>
      </c>
      <c r="O42" s="96">
        <v>1125</v>
      </c>
      <c r="P42" s="106">
        <v>595.79999999999995</v>
      </c>
    </row>
    <row r="43" spans="2:16" s="219" customFormat="1" ht="15" customHeight="1">
      <c r="B43" s="348"/>
      <c r="C43" s="373" t="s">
        <v>28</v>
      </c>
      <c r="D43" s="350"/>
      <c r="E43" s="32"/>
      <c r="F43" s="91">
        <v>474</v>
      </c>
      <c r="G43" s="91">
        <v>1002</v>
      </c>
      <c r="H43" s="91">
        <v>497</v>
      </c>
      <c r="I43" s="105">
        <v>505</v>
      </c>
      <c r="J43" s="123">
        <v>177</v>
      </c>
      <c r="K43" s="94">
        <v>700</v>
      </c>
      <c r="L43" s="132">
        <v>125</v>
      </c>
      <c r="M43" s="351">
        <v>1526</v>
      </c>
      <c r="N43" s="96">
        <v>649</v>
      </c>
      <c r="O43" s="96">
        <v>457</v>
      </c>
      <c r="P43" s="106">
        <v>152.30000000000001</v>
      </c>
    </row>
    <row r="44" spans="2:16" s="219" customFormat="1" ht="15" customHeight="1">
      <c r="B44" s="348"/>
      <c r="C44" s="373" t="s">
        <v>29</v>
      </c>
      <c r="D44" s="350"/>
      <c r="E44" s="32"/>
      <c r="F44" s="91">
        <v>614</v>
      </c>
      <c r="G44" s="91">
        <v>1151</v>
      </c>
      <c r="H44" s="91">
        <v>590</v>
      </c>
      <c r="I44" s="105">
        <v>561</v>
      </c>
      <c r="J44" s="123">
        <v>141</v>
      </c>
      <c r="K44" s="94">
        <v>823</v>
      </c>
      <c r="L44" s="132">
        <v>187</v>
      </c>
      <c r="M44" s="351">
        <v>1016</v>
      </c>
      <c r="N44" s="96">
        <v>495</v>
      </c>
      <c r="O44" s="103">
        <v>0</v>
      </c>
      <c r="P44" s="106">
        <v>88.3</v>
      </c>
    </row>
    <row r="45" spans="2:16" s="219" customFormat="1" ht="15" customHeight="1">
      <c r="B45" s="348"/>
      <c r="C45" s="373" t="s">
        <v>30</v>
      </c>
      <c r="D45" s="350"/>
      <c r="E45" s="32"/>
      <c r="F45" s="91">
        <v>600</v>
      </c>
      <c r="G45" s="91">
        <v>1063</v>
      </c>
      <c r="H45" s="91">
        <v>566</v>
      </c>
      <c r="I45" s="105">
        <v>497</v>
      </c>
      <c r="J45" s="123">
        <v>123</v>
      </c>
      <c r="K45" s="94">
        <v>794</v>
      </c>
      <c r="L45" s="132">
        <v>146</v>
      </c>
      <c r="M45" s="351">
        <v>960</v>
      </c>
      <c r="N45" s="96">
        <v>482</v>
      </c>
      <c r="O45" s="103">
        <v>0</v>
      </c>
      <c r="P45" s="106">
        <v>90.3</v>
      </c>
    </row>
    <row r="46" spans="2:16" s="219" customFormat="1" ht="15" customHeight="1">
      <c r="B46" s="348"/>
      <c r="C46" s="373" t="s">
        <v>31</v>
      </c>
      <c r="D46" s="350"/>
      <c r="E46" s="32"/>
      <c r="F46" s="91">
        <v>289</v>
      </c>
      <c r="G46" s="91">
        <v>680</v>
      </c>
      <c r="H46" s="91">
        <v>331</v>
      </c>
      <c r="I46" s="105">
        <v>349</v>
      </c>
      <c r="J46" s="123">
        <v>126</v>
      </c>
      <c r="K46" s="94">
        <v>478</v>
      </c>
      <c r="L46" s="132">
        <v>76</v>
      </c>
      <c r="M46" s="351">
        <v>648</v>
      </c>
      <c r="N46" s="96">
        <v>362</v>
      </c>
      <c r="O46" s="103">
        <v>0</v>
      </c>
      <c r="P46" s="106">
        <v>95.3</v>
      </c>
    </row>
    <row r="47" spans="2:16" s="219" customFormat="1" ht="15" customHeight="1">
      <c r="B47" s="348" t="s">
        <v>712</v>
      </c>
      <c r="C47" s="373" t="s">
        <v>26</v>
      </c>
      <c r="D47" s="350"/>
      <c r="E47" s="32"/>
      <c r="F47" s="91">
        <v>414</v>
      </c>
      <c r="G47" s="91">
        <v>891</v>
      </c>
      <c r="H47" s="91">
        <v>432</v>
      </c>
      <c r="I47" s="105">
        <v>459</v>
      </c>
      <c r="J47" s="123">
        <v>118</v>
      </c>
      <c r="K47" s="94">
        <v>574</v>
      </c>
      <c r="L47" s="132">
        <v>195</v>
      </c>
      <c r="M47" s="351">
        <v>1310</v>
      </c>
      <c r="N47" s="96">
        <v>327</v>
      </c>
      <c r="O47" s="96">
        <v>639</v>
      </c>
      <c r="P47" s="106">
        <v>147.69999999999999</v>
      </c>
    </row>
    <row r="48" spans="2:16" s="219" customFormat="1" ht="15.75" customHeight="1">
      <c r="B48" s="348"/>
      <c r="C48" s="373" t="s">
        <v>27</v>
      </c>
      <c r="D48" s="350"/>
      <c r="E48" s="32"/>
      <c r="F48" s="91">
        <v>128</v>
      </c>
      <c r="G48" s="91">
        <v>290</v>
      </c>
      <c r="H48" s="91">
        <v>140</v>
      </c>
      <c r="I48" s="105">
        <v>150</v>
      </c>
      <c r="J48" s="123">
        <v>47</v>
      </c>
      <c r="K48" s="94">
        <v>171</v>
      </c>
      <c r="L48" s="132">
        <v>72</v>
      </c>
      <c r="M48" s="351">
        <v>610</v>
      </c>
      <c r="N48" s="96">
        <v>161</v>
      </c>
      <c r="O48" s="103">
        <v>319</v>
      </c>
      <c r="P48" s="236">
        <v>210.3</v>
      </c>
    </row>
    <row r="49" spans="1:17" s="219" customFormat="1" ht="15.75" customHeight="1">
      <c r="B49" s="348"/>
      <c r="C49" s="373" t="s">
        <v>28</v>
      </c>
      <c r="D49" s="350"/>
      <c r="E49" s="32"/>
      <c r="F49" s="91">
        <v>717</v>
      </c>
      <c r="G49" s="91">
        <v>1685</v>
      </c>
      <c r="H49" s="91">
        <v>859</v>
      </c>
      <c r="I49" s="105">
        <v>826</v>
      </c>
      <c r="J49" s="123">
        <v>278</v>
      </c>
      <c r="K49" s="94">
        <v>1091</v>
      </c>
      <c r="L49" s="132">
        <v>309</v>
      </c>
      <c r="M49" s="351">
        <v>1123</v>
      </c>
      <c r="N49" s="96">
        <v>391</v>
      </c>
      <c r="O49" s="103">
        <v>0</v>
      </c>
      <c r="P49" s="106">
        <v>66.900000000000006</v>
      </c>
    </row>
    <row r="50" spans="1:17" s="219" customFormat="1" ht="15.75" customHeight="1">
      <c r="B50" s="348"/>
      <c r="C50" s="373" t="s">
        <v>29</v>
      </c>
      <c r="D50" s="350"/>
      <c r="E50" s="32"/>
      <c r="F50" s="91">
        <v>427</v>
      </c>
      <c r="G50" s="91">
        <v>1143</v>
      </c>
      <c r="H50" s="91">
        <v>536</v>
      </c>
      <c r="I50" s="105">
        <v>607</v>
      </c>
      <c r="J50" s="123">
        <v>182</v>
      </c>
      <c r="K50" s="94">
        <v>716</v>
      </c>
      <c r="L50" s="132">
        <v>245</v>
      </c>
      <c r="M50" s="351">
        <v>887</v>
      </c>
      <c r="N50" s="96">
        <v>410</v>
      </c>
      <c r="O50" s="103">
        <v>0</v>
      </c>
      <c r="P50" s="106">
        <v>77.599999999999994</v>
      </c>
    </row>
    <row r="51" spans="1:17" s="219" customFormat="1" ht="15.75" customHeight="1">
      <c r="B51" s="348" t="s">
        <v>713</v>
      </c>
      <c r="C51" s="373" t="s">
        <v>26</v>
      </c>
      <c r="D51" s="350"/>
      <c r="E51" s="32"/>
      <c r="F51" s="91">
        <v>642</v>
      </c>
      <c r="G51" s="91">
        <v>1602</v>
      </c>
      <c r="H51" s="91">
        <v>782</v>
      </c>
      <c r="I51" s="105">
        <v>820</v>
      </c>
      <c r="J51" s="123">
        <v>272</v>
      </c>
      <c r="K51" s="94">
        <v>1061</v>
      </c>
      <c r="L51" s="132">
        <v>261</v>
      </c>
      <c r="M51" s="351">
        <v>1466</v>
      </c>
      <c r="N51" s="96">
        <v>820</v>
      </c>
      <c r="O51" s="103">
        <v>0</v>
      </c>
      <c r="P51" s="106">
        <v>92</v>
      </c>
    </row>
    <row r="52" spans="1:17" s="219" customFormat="1" ht="15.75" customHeight="1">
      <c r="B52" s="348"/>
      <c r="C52" s="373" t="s">
        <v>27</v>
      </c>
      <c r="D52" s="350"/>
      <c r="E52" s="32"/>
      <c r="F52" s="91">
        <v>386</v>
      </c>
      <c r="G52" s="91">
        <v>940</v>
      </c>
      <c r="H52" s="91">
        <v>461</v>
      </c>
      <c r="I52" s="105">
        <v>479</v>
      </c>
      <c r="J52" s="123">
        <v>165</v>
      </c>
      <c r="K52" s="94">
        <v>641</v>
      </c>
      <c r="L52" s="132">
        <v>134</v>
      </c>
      <c r="M52" s="351">
        <v>1249</v>
      </c>
      <c r="N52" s="96">
        <v>267</v>
      </c>
      <c r="O52" s="96">
        <v>605</v>
      </c>
      <c r="P52" s="106">
        <v>132.9</v>
      </c>
    </row>
    <row r="53" spans="1:17" s="219" customFormat="1" ht="15" customHeight="1">
      <c r="B53" s="348" t="s">
        <v>123</v>
      </c>
      <c r="C53" s="373" t="s">
        <v>28</v>
      </c>
      <c r="D53" s="350"/>
      <c r="E53" s="32"/>
      <c r="F53" s="91">
        <v>625</v>
      </c>
      <c r="G53" s="91">
        <v>1450</v>
      </c>
      <c r="H53" s="91">
        <v>724</v>
      </c>
      <c r="I53" s="105">
        <v>726</v>
      </c>
      <c r="J53" s="123">
        <v>263</v>
      </c>
      <c r="K53" s="94">
        <v>889</v>
      </c>
      <c r="L53" s="132">
        <v>298</v>
      </c>
      <c r="M53" s="351">
        <v>996</v>
      </c>
      <c r="N53" s="96">
        <v>351</v>
      </c>
      <c r="O53" s="103">
        <v>0</v>
      </c>
      <c r="P53" s="106">
        <v>68.7</v>
      </c>
    </row>
    <row r="54" spans="1:17" s="219" customFormat="1" ht="15" customHeight="1">
      <c r="B54" s="348"/>
      <c r="C54" s="373" t="s">
        <v>29</v>
      </c>
      <c r="D54" s="350"/>
      <c r="E54" s="32"/>
      <c r="F54" s="91">
        <v>83</v>
      </c>
      <c r="G54" s="91">
        <v>264</v>
      </c>
      <c r="H54" s="91">
        <v>130</v>
      </c>
      <c r="I54" s="105">
        <v>134</v>
      </c>
      <c r="J54" s="123">
        <v>52</v>
      </c>
      <c r="K54" s="94">
        <v>182</v>
      </c>
      <c r="L54" s="132">
        <v>30</v>
      </c>
      <c r="M54" s="351">
        <v>1276</v>
      </c>
      <c r="N54" s="96">
        <v>302</v>
      </c>
      <c r="O54" s="103">
        <v>895</v>
      </c>
      <c r="P54" s="106">
        <v>483.3</v>
      </c>
    </row>
    <row r="55" spans="1:17" s="219" customFormat="1" ht="15" customHeight="1">
      <c r="A55" s="227"/>
      <c r="B55" s="357" t="s">
        <v>714</v>
      </c>
      <c r="C55" s="373" t="s">
        <v>26</v>
      </c>
      <c r="D55" s="358"/>
      <c r="E55" s="32"/>
      <c r="F55" s="91">
        <v>1250</v>
      </c>
      <c r="G55" s="91">
        <v>3016</v>
      </c>
      <c r="H55" s="91">
        <v>1412</v>
      </c>
      <c r="I55" s="105">
        <v>1604</v>
      </c>
      <c r="J55" s="94">
        <v>441</v>
      </c>
      <c r="K55" s="94">
        <v>1838</v>
      </c>
      <c r="L55" s="94">
        <v>737</v>
      </c>
      <c r="M55" s="242">
        <v>1923</v>
      </c>
      <c r="N55" s="363">
        <v>451</v>
      </c>
      <c r="O55" s="103">
        <v>0</v>
      </c>
      <c r="P55" s="106">
        <v>63.8</v>
      </c>
    </row>
    <row r="56" spans="1:17" s="219" customFormat="1" ht="12.75" customHeight="1">
      <c r="A56" s="220"/>
      <c r="B56" s="357"/>
      <c r="C56" s="373" t="s">
        <v>27</v>
      </c>
      <c r="D56" s="358"/>
      <c r="E56" s="32"/>
      <c r="F56" s="91">
        <v>537</v>
      </c>
      <c r="G56" s="91">
        <v>1359</v>
      </c>
      <c r="H56" s="91">
        <v>635</v>
      </c>
      <c r="I56" s="105">
        <v>724</v>
      </c>
      <c r="J56" s="94">
        <v>224</v>
      </c>
      <c r="K56" s="94">
        <v>827</v>
      </c>
      <c r="L56" s="94">
        <v>308</v>
      </c>
      <c r="M56" s="242">
        <v>1421</v>
      </c>
      <c r="N56" s="363">
        <v>299</v>
      </c>
      <c r="O56" s="96">
        <v>485</v>
      </c>
      <c r="P56" s="106">
        <v>104.6</v>
      </c>
    </row>
    <row r="57" spans="1:17" s="219" customFormat="1" ht="15" customHeight="1">
      <c r="B57" s="357" t="s">
        <v>715</v>
      </c>
      <c r="C57" s="373" t="s">
        <v>28</v>
      </c>
      <c r="D57" s="358"/>
      <c r="E57" s="32"/>
      <c r="F57" s="91">
        <v>1173</v>
      </c>
      <c r="G57" s="91">
        <v>2774</v>
      </c>
      <c r="H57" s="91">
        <v>1278</v>
      </c>
      <c r="I57" s="105">
        <v>1496</v>
      </c>
      <c r="J57" s="123">
        <v>415</v>
      </c>
      <c r="K57" s="94">
        <v>1576</v>
      </c>
      <c r="L57" s="132">
        <v>783</v>
      </c>
      <c r="M57" s="351">
        <v>2253</v>
      </c>
      <c r="N57" s="96">
        <v>300</v>
      </c>
      <c r="O57" s="96">
        <v>518</v>
      </c>
      <c r="P57" s="106">
        <v>81.2</v>
      </c>
      <c r="Q57" s="44"/>
    </row>
    <row r="58" spans="1:17" s="219" customFormat="1" ht="15" customHeight="1">
      <c r="B58" s="357"/>
      <c r="C58" s="373" t="s">
        <v>29</v>
      </c>
      <c r="D58" s="358"/>
      <c r="E58" s="32"/>
      <c r="F58" s="91">
        <v>1159</v>
      </c>
      <c r="G58" s="91">
        <v>2490</v>
      </c>
      <c r="H58" s="91">
        <v>1127</v>
      </c>
      <c r="I58" s="105">
        <v>1363</v>
      </c>
      <c r="J58" s="123">
        <v>345</v>
      </c>
      <c r="K58" s="94">
        <v>1499</v>
      </c>
      <c r="L58" s="132">
        <v>646</v>
      </c>
      <c r="M58" s="351">
        <v>2123</v>
      </c>
      <c r="N58" s="96">
        <v>449</v>
      </c>
      <c r="O58" s="96">
        <v>383</v>
      </c>
      <c r="P58" s="106">
        <v>85.3</v>
      </c>
      <c r="Q58" s="44"/>
    </row>
    <row r="59" spans="1:17" s="219" customFormat="1" ht="15" customHeight="1">
      <c r="B59" s="357" t="s">
        <v>123</v>
      </c>
      <c r="C59" s="373" t="s">
        <v>30</v>
      </c>
      <c r="D59" s="358"/>
      <c r="E59" s="32"/>
      <c r="F59" s="91">
        <v>821</v>
      </c>
      <c r="G59" s="91">
        <v>1807</v>
      </c>
      <c r="H59" s="91">
        <v>885</v>
      </c>
      <c r="I59" s="105">
        <v>922</v>
      </c>
      <c r="J59" s="123">
        <v>305</v>
      </c>
      <c r="K59" s="94">
        <v>1328</v>
      </c>
      <c r="L59" s="132">
        <v>167</v>
      </c>
      <c r="M59" s="351">
        <v>1264</v>
      </c>
      <c r="N59" s="96">
        <v>532</v>
      </c>
      <c r="O59" s="103">
        <v>0</v>
      </c>
      <c r="P59" s="106">
        <v>70.2</v>
      </c>
      <c r="Q59" s="44"/>
    </row>
    <row r="60" spans="1:17" s="219" customFormat="1" ht="15" customHeight="1">
      <c r="B60" s="352" t="s">
        <v>123</v>
      </c>
      <c r="C60" s="374" t="s">
        <v>31</v>
      </c>
      <c r="D60" s="354"/>
      <c r="E60" s="40"/>
      <c r="F60" s="115">
        <v>128</v>
      </c>
      <c r="G60" s="115">
        <v>409</v>
      </c>
      <c r="H60" s="115">
        <v>201</v>
      </c>
      <c r="I60" s="114">
        <v>208</v>
      </c>
      <c r="J60" s="127">
        <v>65</v>
      </c>
      <c r="K60" s="118">
        <v>282</v>
      </c>
      <c r="L60" s="276">
        <v>59</v>
      </c>
      <c r="M60" s="355">
        <v>1599</v>
      </c>
      <c r="N60" s="120">
        <v>774</v>
      </c>
      <c r="O60" s="120">
        <v>630</v>
      </c>
      <c r="P60" s="122">
        <v>393.8</v>
      </c>
      <c r="Q60" s="44"/>
    </row>
    <row r="61" spans="1:17" s="219" customFormat="1" ht="15" customHeight="1">
      <c r="B61" s="348" t="s">
        <v>716</v>
      </c>
      <c r="C61" s="373" t="s">
        <v>26</v>
      </c>
      <c r="D61" s="350"/>
      <c r="E61" s="32"/>
      <c r="F61" s="91">
        <v>664</v>
      </c>
      <c r="G61" s="91">
        <v>1581</v>
      </c>
      <c r="H61" s="91">
        <v>798</v>
      </c>
      <c r="I61" s="105">
        <v>783</v>
      </c>
      <c r="J61" s="123">
        <v>185</v>
      </c>
      <c r="K61" s="94">
        <v>1079</v>
      </c>
      <c r="L61" s="132">
        <v>317</v>
      </c>
      <c r="M61" s="351">
        <v>1392</v>
      </c>
      <c r="N61" s="96">
        <v>363</v>
      </c>
      <c r="O61" s="96">
        <v>386</v>
      </c>
      <c r="P61" s="106">
        <v>88</v>
      </c>
      <c r="Q61" s="44"/>
    </row>
    <row r="62" spans="1:17" s="219" customFormat="1" ht="15" customHeight="1">
      <c r="B62" s="348"/>
      <c r="C62" s="373" t="s">
        <v>27</v>
      </c>
      <c r="D62" s="350"/>
      <c r="E62" s="32"/>
      <c r="F62" s="91">
        <v>1093</v>
      </c>
      <c r="G62" s="91">
        <v>2635</v>
      </c>
      <c r="H62" s="91">
        <v>1251</v>
      </c>
      <c r="I62" s="105">
        <v>1384</v>
      </c>
      <c r="J62" s="123">
        <v>359</v>
      </c>
      <c r="K62" s="94">
        <v>1742</v>
      </c>
      <c r="L62" s="132">
        <v>516</v>
      </c>
      <c r="M62" s="351">
        <v>1969</v>
      </c>
      <c r="N62" s="96">
        <v>715</v>
      </c>
      <c r="O62" s="103">
        <v>0</v>
      </c>
      <c r="P62" s="106">
        <v>75.2</v>
      </c>
      <c r="Q62" s="44"/>
    </row>
    <row r="63" spans="1:17" s="219" customFormat="1" ht="15" customHeight="1">
      <c r="B63" s="348"/>
      <c r="C63" s="373" t="s">
        <v>28</v>
      </c>
      <c r="D63" s="350"/>
      <c r="E63" s="32"/>
      <c r="F63" s="91">
        <v>513</v>
      </c>
      <c r="G63" s="91">
        <v>1378</v>
      </c>
      <c r="H63" s="91">
        <v>684</v>
      </c>
      <c r="I63" s="105">
        <v>694</v>
      </c>
      <c r="J63" s="123">
        <v>219</v>
      </c>
      <c r="K63" s="94">
        <v>876</v>
      </c>
      <c r="L63" s="132">
        <v>283</v>
      </c>
      <c r="M63" s="351">
        <v>744</v>
      </c>
      <c r="N63" s="96">
        <v>181</v>
      </c>
      <c r="O63" s="103">
        <v>0</v>
      </c>
      <c r="P63" s="106">
        <v>54</v>
      </c>
      <c r="Q63" s="44"/>
    </row>
    <row r="64" spans="1:17" s="219" customFormat="1" ht="15" customHeight="1">
      <c r="B64" s="348"/>
      <c r="C64" s="373" t="s">
        <v>29</v>
      </c>
      <c r="D64" s="350"/>
      <c r="E64" s="32"/>
      <c r="F64" s="91">
        <v>1097</v>
      </c>
      <c r="G64" s="91">
        <v>2380</v>
      </c>
      <c r="H64" s="91">
        <v>1107</v>
      </c>
      <c r="I64" s="105">
        <v>1273</v>
      </c>
      <c r="J64" s="123">
        <v>371</v>
      </c>
      <c r="K64" s="94">
        <v>1504</v>
      </c>
      <c r="L64" s="132">
        <v>480</v>
      </c>
      <c r="M64" s="351">
        <v>1350</v>
      </c>
      <c r="N64" s="96">
        <v>291</v>
      </c>
      <c r="O64" s="96">
        <v>59</v>
      </c>
      <c r="P64" s="106">
        <v>57.3</v>
      </c>
      <c r="Q64" s="44"/>
    </row>
    <row r="65" spans="2:17" s="219" customFormat="1" ht="15" customHeight="1">
      <c r="B65" s="348"/>
      <c r="C65" s="373" t="s">
        <v>30</v>
      </c>
      <c r="D65" s="350"/>
      <c r="E65" s="32"/>
      <c r="F65" s="91">
        <v>953</v>
      </c>
      <c r="G65" s="91">
        <v>2488</v>
      </c>
      <c r="H65" s="91">
        <v>1209</v>
      </c>
      <c r="I65" s="105">
        <v>1279</v>
      </c>
      <c r="J65" s="123">
        <v>452</v>
      </c>
      <c r="K65" s="94">
        <v>1644</v>
      </c>
      <c r="L65" s="132">
        <v>392</v>
      </c>
      <c r="M65" s="351">
        <v>1397</v>
      </c>
      <c r="N65" s="96">
        <v>398</v>
      </c>
      <c r="O65" s="103">
        <v>0</v>
      </c>
      <c r="P65" s="106">
        <v>56.1</v>
      </c>
      <c r="Q65" s="44"/>
    </row>
    <row r="66" spans="2:17" s="219" customFormat="1" ht="15" customHeight="1">
      <c r="B66" s="348"/>
      <c r="C66" s="373" t="s">
        <v>31</v>
      </c>
      <c r="D66" s="350"/>
      <c r="E66" s="32"/>
      <c r="F66" s="91">
        <v>308</v>
      </c>
      <c r="G66" s="91">
        <v>840</v>
      </c>
      <c r="H66" s="91">
        <v>395</v>
      </c>
      <c r="I66" s="105">
        <v>445</v>
      </c>
      <c r="J66" s="123">
        <v>121</v>
      </c>
      <c r="K66" s="94">
        <v>529</v>
      </c>
      <c r="L66" s="132">
        <v>181</v>
      </c>
      <c r="M66" s="351">
        <v>537</v>
      </c>
      <c r="N66" s="96">
        <v>248</v>
      </c>
      <c r="O66" s="103">
        <v>0</v>
      </c>
      <c r="P66" s="106">
        <v>64.599999999999994</v>
      </c>
      <c r="Q66" s="44"/>
    </row>
    <row r="67" spans="2:17" s="219" customFormat="1" ht="15" customHeight="1">
      <c r="B67" s="348"/>
      <c r="C67" s="373" t="s">
        <v>32</v>
      </c>
      <c r="D67" s="350"/>
      <c r="E67" s="32"/>
      <c r="F67" s="91">
        <v>518</v>
      </c>
      <c r="G67" s="91">
        <v>1400</v>
      </c>
      <c r="H67" s="91">
        <v>679</v>
      </c>
      <c r="I67" s="105">
        <v>721</v>
      </c>
      <c r="J67" s="123">
        <v>283</v>
      </c>
      <c r="K67" s="94">
        <v>838</v>
      </c>
      <c r="L67" s="132">
        <v>279</v>
      </c>
      <c r="M67" s="351">
        <v>1274</v>
      </c>
      <c r="N67" s="96">
        <v>195</v>
      </c>
      <c r="O67" s="96">
        <v>486</v>
      </c>
      <c r="P67" s="106">
        <v>91</v>
      </c>
      <c r="Q67" s="44"/>
    </row>
    <row r="68" spans="2:17" s="219" customFormat="1" ht="15" customHeight="1">
      <c r="B68" s="348" t="s">
        <v>717</v>
      </c>
      <c r="C68" s="373" t="s">
        <v>26</v>
      </c>
      <c r="D68" s="350"/>
      <c r="E68" s="32"/>
      <c r="F68" s="91">
        <v>727</v>
      </c>
      <c r="G68" s="91">
        <v>1814</v>
      </c>
      <c r="H68" s="91">
        <v>845</v>
      </c>
      <c r="I68" s="105">
        <v>969</v>
      </c>
      <c r="J68" s="123">
        <v>289</v>
      </c>
      <c r="K68" s="94">
        <v>1138</v>
      </c>
      <c r="L68" s="132">
        <v>387</v>
      </c>
      <c r="M68" s="351">
        <v>1374</v>
      </c>
      <c r="N68" s="96">
        <v>248</v>
      </c>
      <c r="O68" s="96">
        <v>257</v>
      </c>
      <c r="P68" s="106">
        <v>75.7</v>
      </c>
      <c r="Q68" s="44"/>
    </row>
    <row r="69" spans="2:17" s="219" customFormat="1" ht="15" customHeight="1">
      <c r="B69" s="348"/>
      <c r="C69" s="373" t="s">
        <v>27</v>
      </c>
      <c r="D69" s="350"/>
      <c r="E69" s="32"/>
      <c r="F69" s="91">
        <v>378</v>
      </c>
      <c r="G69" s="91">
        <v>1054</v>
      </c>
      <c r="H69" s="91">
        <v>514</v>
      </c>
      <c r="I69" s="105">
        <v>540</v>
      </c>
      <c r="J69" s="123">
        <v>207</v>
      </c>
      <c r="K69" s="94">
        <v>701</v>
      </c>
      <c r="L69" s="132">
        <v>146</v>
      </c>
      <c r="M69" s="351">
        <v>1269</v>
      </c>
      <c r="N69" s="96">
        <v>299</v>
      </c>
      <c r="O69" s="96">
        <v>564</v>
      </c>
      <c r="P69" s="106">
        <v>120.4</v>
      </c>
      <c r="Q69" s="44"/>
    </row>
    <row r="70" spans="2:17" s="219" customFormat="1" ht="15" customHeight="1">
      <c r="B70" s="348" t="s">
        <v>123</v>
      </c>
      <c r="C70" s="373" t="s">
        <v>28</v>
      </c>
      <c r="D70" s="350"/>
      <c r="E70" s="32"/>
      <c r="F70" s="91">
        <v>1057</v>
      </c>
      <c r="G70" s="91">
        <v>2545</v>
      </c>
      <c r="H70" s="91">
        <v>1144</v>
      </c>
      <c r="I70" s="105">
        <v>1401</v>
      </c>
      <c r="J70" s="123">
        <v>449</v>
      </c>
      <c r="K70" s="94">
        <v>1481</v>
      </c>
      <c r="L70" s="132">
        <v>613</v>
      </c>
      <c r="M70" s="351">
        <v>1663</v>
      </c>
      <c r="N70" s="96">
        <v>406</v>
      </c>
      <c r="O70" s="103">
        <v>0</v>
      </c>
      <c r="P70" s="106">
        <v>65.400000000000006</v>
      </c>
      <c r="Q70" s="44"/>
    </row>
    <row r="71" spans="2:17" s="219" customFormat="1" ht="15" customHeight="1">
      <c r="B71" s="348"/>
      <c r="C71" s="373" t="s">
        <v>29</v>
      </c>
      <c r="D71" s="350"/>
      <c r="E71" s="32"/>
      <c r="F71" s="91">
        <v>882</v>
      </c>
      <c r="G71" s="91">
        <v>1703</v>
      </c>
      <c r="H71" s="91">
        <v>731</v>
      </c>
      <c r="I71" s="105">
        <v>972</v>
      </c>
      <c r="J71" s="123">
        <v>137</v>
      </c>
      <c r="K71" s="94">
        <v>890</v>
      </c>
      <c r="L71" s="132">
        <v>676</v>
      </c>
      <c r="M71" s="351">
        <v>1111</v>
      </c>
      <c r="N71" s="96">
        <v>73</v>
      </c>
      <c r="O71" s="103">
        <v>0</v>
      </c>
      <c r="P71" s="106">
        <v>65.2</v>
      </c>
      <c r="Q71" s="44"/>
    </row>
    <row r="72" spans="2:17" s="219" customFormat="1" ht="15" customHeight="1">
      <c r="B72" s="348" t="s">
        <v>123</v>
      </c>
      <c r="C72" s="373" t="s">
        <v>30</v>
      </c>
      <c r="D72" s="350"/>
      <c r="E72" s="32"/>
      <c r="F72" s="91">
        <v>1102</v>
      </c>
      <c r="G72" s="91">
        <v>2698</v>
      </c>
      <c r="H72" s="91">
        <v>1229</v>
      </c>
      <c r="I72" s="105">
        <v>1469</v>
      </c>
      <c r="J72" s="123">
        <v>481</v>
      </c>
      <c r="K72" s="94">
        <v>1533</v>
      </c>
      <c r="L72" s="132">
        <v>684</v>
      </c>
      <c r="M72" s="351">
        <v>1786</v>
      </c>
      <c r="N72" s="96">
        <v>403</v>
      </c>
      <c r="O72" s="103">
        <v>0</v>
      </c>
      <c r="P72" s="106">
        <v>66.2</v>
      </c>
      <c r="Q72" s="44"/>
    </row>
    <row r="73" spans="2:17" s="219" customFormat="1" ht="15" customHeight="1">
      <c r="B73" s="348" t="s">
        <v>718</v>
      </c>
      <c r="C73" s="373" t="s">
        <v>26</v>
      </c>
      <c r="D73" s="350"/>
      <c r="E73" s="32"/>
      <c r="F73" s="91">
        <v>2659</v>
      </c>
      <c r="G73" s="91">
        <v>5966</v>
      </c>
      <c r="H73" s="91">
        <v>2726</v>
      </c>
      <c r="I73" s="105">
        <v>3240</v>
      </c>
      <c r="J73" s="123">
        <v>692</v>
      </c>
      <c r="K73" s="94">
        <v>3573</v>
      </c>
      <c r="L73" s="132">
        <v>1699</v>
      </c>
      <c r="M73" s="351">
        <v>3648</v>
      </c>
      <c r="N73" s="96">
        <v>626</v>
      </c>
      <c r="O73" s="103">
        <v>0</v>
      </c>
      <c r="P73" s="106">
        <v>61.2</v>
      </c>
      <c r="Q73" s="44"/>
    </row>
    <row r="74" spans="2:17" s="219" customFormat="1" ht="15" customHeight="1">
      <c r="B74" s="348"/>
      <c r="C74" s="373" t="s">
        <v>27</v>
      </c>
      <c r="D74" s="350"/>
      <c r="E74" s="32"/>
      <c r="F74" s="91">
        <v>788</v>
      </c>
      <c r="G74" s="91">
        <v>2036</v>
      </c>
      <c r="H74" s="91">
        <v>979</v>
      </c>
      <c r="I74" s="105">
        <v>1057</v>
      </c>
      <c r="J74" s="123">
        <v>361</v>
      </c>
      <c r="K74" s="94">
        <v>1356</v>
      </c>
      <c r="L74" s="132">
        <v>317</v>
      </c>
      <c r="M74" s="351">
        <v>2269</v>
      </c>
      <c r="N74" s="96">
        <v>638</v>
      </c>
      <c r="O74" s="96">
        <v>853</v>
      </c>
      <c r="P74" s="106">
        <v>111.6</v>
      </c>
      <c r="Q74" s="44"/>
    </row>
    <row r="75" spans="2:17" s="219" customFormat="1" ht="15" customHeight="1">
      <c r="B75" s="348"/>
      <c r="C75" s="373" t="s">
        <v>28</v>
      </c>
      <c r="D75" s="350"/>
      <c r="E75" s="32"/>
      <c r="F75" s="91">
        <v>789</v>
      </c>
      <c r="G75" s="91">
        <v>2065</v>
      </c>
      <c r="H75" s="91">
        <v>988</v>
      </c>
      <c r="I75" s="105">
        <v>1077</v>
      </c>
      <c r="J75" s="123">
        <v>326</v>
      </c>
      <c r="K75" s="94">
        <v>1336</v>
      </c>
      <c r="L75" s="132">
        <v>401</v>
      </c>
      <c r="M75" s="351">
        <v>1075</v>
      </c>
      <c r="N75" s="96">
        <v>138</v>
      </c>
      <c r="O75" s="103">
        <v>0</v>
      </c>
      <c r="P75" s="106">
        <v>52.1</v>
      </c>
      <c r="Q75" s="44"/>
    </row>
    <row r="76" spans="2:17" s="219" customFormat="1" ht="15.75" customHeight="1">
      <c r="B76" s="348" t="s">
        <v>719</v>
      </c>
      <c r="C76" s="373" t="s">
        <v>26</v>
      </c>
      <c r="D76" s="350"/>
      <c r="E76" s="32"/>
      <c r="F76" s="91">
        <v>1168</v>
      </c>
      <c r="G76" s="91">
        <v>2877</v>
      </c>
      <c r="H76" s="91">
        <v>1416</v>
      </c>
      <c r="I76" s="105">
        <v>1461</v>
      </c>
      <c r="J76" s="123">
        <v>622</v>
      </c>
      <c r="K76" s="94">
        <v>2045</v>
      </c>
      <c r="L76" s="132">
        <v>203</v>
      </c>
      <c r="M76" s="351">
        <v>2618</v>
      </c>
      <c r="N76" s="96">
        <v>929</v>
      </c>
      <c r="O76" s="96">
        <v>430</v>
      </c>
      <c r="P76" s="106">
        <v>91.2</v>
      </c>
      <c r="Q76" s="44"/>
    </row>
    <row r="77" spans="2:17" s="219" customFormat="1" ht="15.75" customHeight="1">
      <c r="B77" s="348" t="s">
        <v>123</v>
      </c>
      <c r="C77" s="373" t="s">
        <v>27</v>
      </c>
      <c r="D77" s="350"/>
      <c r="E77" s="32"/>
      <c r="F77" s="91">
        <v>1203</v>
      </c>
      <c r="G77" s="91">
        <v>2529</v>
      </c>
      <c r="H77" s="91">
        <v>1187</v>
      </c>
      <c r="I77" s="105">
        <v>1342</v>
      </c>
      <c r="J77" s="123">
        <v>317</v>
      </c>
      <c r="K77" s="94">
        <v>1753</v>
      </c>
      <c r="L77" s="132">
        <v>459</v>
      </c>
      <c r="M77" s="351">
        <v>3021</v>
      </c>
      <c r="N77" s="96">
        <v>1497</v>
      </c>
      <c r="O77" s="96">
        <v>420</v>
      </c>
      <c r="P77" s="106">
        <v>119.5</v>
      </c>
      <c r="Q77" s="44"/>
    </row>
    <row r="78" spans="2:17" s="219" customFormat="1" ht="15.75" customHeight="1">
      <c r="B78" s="348"/>
      <c r="C78" s="373" t="s">
        <v>28</v>
      </c>
      <c r="D78" s="350"/>
      <c r="E78" s="32"/>
      <c r="F78" s="91">
        <v>703</v>
      </c>
      <c r="G78" s="91">
        <v>1467</v>
      </c>
      <c r="H78" s="91">
        <v>756</v>
      </c>
      <c r="I78" s="105">
        <v>711</v>
      </c>
      <c r="J78" s="123">
        <v>200</v>
      </c>
      <c r="K78" s="94">
        <v>1007</v>
      </c>
      <c r="L78" s="132">
        <v>227</v>
      </c>
      <c r="M78" s="351">
        <v>983</v>
      </c>
      <c r="N78" s="96">
        <v>355</v>
      </c>
      <c r="O78" s="103">
        <v>0</v>
      </c>
      <c r="P78" s="106">
        <v>68.5</v>
      </c>
      <c r="Q78" s="44"/>
    </row>
    <row r="79" spans="2:17" s="219" customFormat="1" ht="15.75" customHeight="1">
      <c r="B79" s="348"/>
      <c r="C79" s="373" t="s">
        <v>29</v>
      </c>
      <c r="D79" s="350"/>
      <c r="E79" s="32"/>
      <c r="F79" s="91">
        <v>272</v>
      </c>
      <c r="G79" s="91">
        <v>748</v>
      </c>
      <c r="H79" s="91">
        <v>356</v>
      </c>
      <c r="I79" s="105">
        <v>392</v>
      </c>
      <c r="J79" s="123">
        <v>150</v>
      </c>
      <c r="K79" s="94">
        <v>530</v>
      </c>
      <c r="L79" s="132">
        <v>68</v>
      </c>
      <c r="M79" s="351">
        <v>915</v>
      </c>
      <c r="N79" s="96">
        <v>596</v>
      </c>
      <c r="O79" s="103">
        <v>0</v>
      </c>
      <c r="P79" s="106">
        <v>122.3</v>
      </c>
      <c r="Q79" s="44"/>
    </row>
    <row r="80" spans="2:17" s="219" customFormat="1" ht="15.75" customHeight="1">
      <c r="B80" s="348"/>
      <c r="C80" s="373" t="s">
        <v>30</v>
      </c>
      <c r="D80" s="350"/>
      <c r="E80" s="32"/>
      <c r="F80" s="91">
        <v>211</v>
      </c>
      <c r="G80" s="91">
        <v>533</v>
      </c>
      <c r="H80" s="91">
        <v>245</v>
      </c>
      <c r="I80" s="105">
        <v>288</v>
      </c>
      <c r="J80" s="123">
        <v>89</v>
      </c>
      <c r="K80" s="94">
        <v>357</v>
      </c>
      <c r="L80" s="132">
        <v>85</v>
      </c>
      <c r="M80" s="351">
        <v>954</v>
      </c>
      <c r="N80" s="96">
        <v>180</v>
      </c>
      <c r="O80" s="96">
        <v>583</v>
      </c>
      <c r="P80" s="106">
        <v>179.7</v>
      </c>
      <c r="Q80" s="44"/>
    </row>
    <row r="81" spans="2:17" s="219" customFormat="1" ht="15.75" customHeight="1">
      <c r="B81" s="348"/>
      <c r="C81" s="373" t="s">
        <v>31</v>
      </c>
      <c r="D81" s="350"/>
      <c r="E81" s="32"/>
      <c r="F81" s="91">
        <v>411</v>
      </c>
      <c r="G81" s="91">
        <v>1140</v>
      </c>
      <c r="H81" s="91">
        <v>537</v>
      </c>
      <c r="I81" s="105">
        <v>603</v>
      </c>
      <c r="J81" s="123">
        <v>146</v>
      </c>
      <c r="K81" s="94">
        <v>816</v>
      </c>
      <c r="L81" s="132">
        <v>178</v>
      </c>
      <c r="M81" s="351">
        <v>682</v>
      </c>
      <c r="N81" s="96">
        <v>190</v>
      </c>
      <c r="O81" s="103">
        <v>0</v>
      </c>
      <c r="P81" s="106">
        <v>59.8</v>
      </c>
      <c r="Q81" s="44"/>
    </row>
    <row r="82" spans="2:17" s="219" customFormat="1" ht="15.75" customHeight="1">
      <c r="B82" s="348"/>
      <c r="C82" s="373" t="s">
        <v>32</v>
      </c>
      <c r="D82" s="350"/>
      <c r="E82" s="32"/>
      <c r="F82" s="91">
        <v>308</v>
      </c>
      <c r="G82" s="91">
        <v>880</v>
      </c>
      <c r="H82" s="91">
        <v>413</v>
      </c>
      <c r="I82" s="105">
        <v>467</v>
      </c>
      <c r="J82" s="123">
        <v>157</v>
      </c>
      <c r="K82" s="94">
        <v>584</v>
      </c>
      <c r="L82" s="132">
        <v>137</v>
      </c>
      <c r="M82" s="351">
        <v>470</v>
      </c>
      <c r="N82" s="96">
        <v>115</v>
      </c>
      <c r="O82" s="103">
        <v>0</v>
      </c>
      <c r="P82" s="106">
        <v>53.5</v>
      </c>
      <c r="Q82" s="44"/>
    </row>
    <row r="83" spans="2:17" s="219" customFormat="1" ht="15.75" customHeight="1">
      <c r="B83" s="348" t="s">
        <v>720</v>
      </c>
      <c r="C83" s="373" t="s">
        <v>26</v>
      </c>
      <c r="D83" s="350"/>
      <c r="E83" s="32"/>
      <c r="F83" s="91">
        <v>912</v>
      </c>
      <c r="G83" s="91">
        <v>2163</v>
      </c>
      <c r="H83" s="91">
        <v>1014</v>
      </c>
      <c r="I83" s="105">
        <v>1149</v>
      </c>
      <c r="J83" s="123">
        <v>324</v>
      </c>
      <c r="K83" s="94">
        <v>1283</v>
      </c>
      <c r="L83" s="132">
        <v>556</v>
      </c>
      <c r="M83" s="351">
        <v>1501</v>
      </c>
      <c r="N83" s="96">
        <v>420</v>
      </c>
      <c r="O83" s="103">
        <v>0</v>
      </c>
      <c r="P83" s="106">
        <v>69.400000000000006</v>
      </c>
      <c r="Q83" s="44"/>
    </row>
    <row r="84" spans="2:17" s="219" customFormat="1" ht="15.75" customHeight="1">
      <c r="B84" s="348"/>
      <c r="C84" s="373" t="s">
        <v>27</v>
      </c>
      <c r="D84" s="350"/>
      <c r="E84" s="32"/>
      <c r="F84" s="91">
        <v>1918</v>
      </c>
      <c r="G84" s="91">
        <v>4219</v>
      </c>
      <c r="H84" s="91">
        <v>1938</v>
      </c>
      <c r="I84" s="105">
        <v>2281</v>
      </c>
      <c r="J84" s="123">
        <v>547</v>
      </c>
      <c r="K84" s="94">
        <v>2695</v>
      </c>
      <c r="L84" s="132">
        <v>977</v>
      </c>
      <c r="M84" s="351">
        <v>2847</v>
      </c>
      <c r="N84" s="96">
        <v>344</v>
      </c>
      <c r="O84" s="96">
        <v>324</v>
      </c>
      <c r="P84" s="106">
        <v>67.5</v>
      </c>
      <c r="Q84" s="44"/>
    </row>
    <row r="85" spans="2:17" s="219" customFormat="1" ht="15" customHeight="1">
      <c r="B85" s="348"/>
      <c r="C85" s="373" t="s">
        <v>28</v>
      </c>
      <c r="D85" s="350"/>
      <c r="E85" s="32"/>
      <c r="F85" s="91">
        <v>569</v>
      </c>
      <c r="G85" s="91">
        <v>1560</v>
      </c>
      <c r="H85" s="91">
        <v>764</v>
      </c>
      <c r="I85" s="105">
        <v>796</v>
      </c>
      <c r="J85" s="123">
        <v>241</v>
      </c>
      <c r="K85" s="94">
        <v>1042</v>
      </c>
      <c r="L85" s="132">
        <v>277</v>
      </c>
      <c r="M85" s="351">
        <v>855</v>
      </c>
      <c r="N85" s="96">
        <v>228</v>
      </c>
      <c r="O85" s="103">
        <v>0</v>
      </c>
      <c r="P85" s="106">
        <v>54.8</v>
      </c>
      <c r="Q85" s="44"/>
    </row>
    <row r="86" spans="2:17" s="219" customFormat="1" ht="15" customHeight="1">
      <c r="B86" s="348"/>
      <c r="C86" s="373" t="s">
        <v>29</v>
      </c>
      <c r="D86" s="350"/>
      <c r="E86" s="32"/>
      <c r="F86" s="91">
        <v>543</v>
      </c>
      <c r="G86" s="91">
        <v>1304</v>
      </c>
      <c r="H86" s="91">
        <v>627</v>
      </c>
      <c r="I86" s="105">
        <v>677</v>
      </c>
      <c r="J86" s="123">
        <v>148</v>
      </c>
      <c r="K86" s="94">
        <v>787</v>
      </c>
      <c r="L86" s="132">
        <v>369</v>
      </c>
      <c r="M86" s="351">
        <v>1163</v>
      </c>
      <c r="N86" s="96">
        <v>508</v>
      </c>
      <c r="O86" s="103">
        <v>0</v>
      </c>
      <c r="P86" s="106">
        <v>89.2</v>
      </c>
      <c r="Q86" s="44"/>
    </row>
    <row r="87" spans="2:17" s="219" customFormat="1" ht="15" customHeight="1">
      <c r="B87" s="348"/>
      <c r="C87" s="373" t="s">
        <v>30</v>
      </c>
      <c r="D87" s="350"/>
      <c r="E87" s="32"/>
      <c r="F87" s="91">
        <v>235</v>
      </c>
      <c r="G87" s="91">
        <v>695</v>
      </c>
      <c r="H87" s="91">
        <v>337</v>
      </c>
      <c r="I87" s="105">
        <v>358</v>
      </c>
      <c r="J87" s="123">
        <v>91</v>
      </c>
      <c r="K87" s="94">
        <v>453</v>
      </c>
      <c r="L87" s="132">
        <v>151</v>
      </c>
      <c r="M87" s="351">
        <v>320</v>
      </c>
      <c r="N87" s="96">
        <v>41</v>
      </c>
      <c r="O87" s="103">
        <v>0</v>
      </c>
      <c r="P87" s="106">
        <v>46</v>
      </c>
      <c r="Q87" s="44"/>
    </row>
    <row r="88" spans="2:17" s="219" customFormat="1" ht="15" customHeight="1">
      <c r="B88" s="348"/>
      <c r="C88" s="373" t="s">
        <v>31</v>
      </c>
      <c r="D88" s="350"/>
      <c r="E88" s="32"/>
      <c r="F88" s="91">
        <v>89</v>
      </c>
      <c r="G88" s="91">
        <v>267</v>
      </c>
      <c r="H88" s="91">
        <v>129</v>
      </c>
      <c r="I88" s="105">
        <v>138</v>
      </c>
      <c r="J88" s="123">
        <v>40</v>
      </c>
      <c r="K88" s="94">
        <v>194</v>
      </c>
      <c r="L88" s="132">
        <v>33</v>
      </c>
      <c r="M88" s="351">
        <v>130</v>
      </c>
      <c r="N88" s="103">
        <v>32</v>
      </c>
      <c r="O88" s="103">
        <v>0</v>
      </c>
      <c r="P88" s="236">
        <v>48.7</v>
      </c>
      <c r="Q88" s="44"/>
    </row>
    <row r="89" spans="2:17" s="219" customFormat="1" ht="15" customHeight="1">
      <c r="B89" s="348"/>
      <c r="C89" s="373" t="s">
        <v>32</v>
      </c>
      <c r="D89" s="350"/>
      <c r="E89" s="32"/>
      <c r="F89" s="91">
        <v>358</v>
      </c>
      <c r="G89" s="91">
        <v>747</v>
      </c>
      <c r="H89" s="91">
        <v>354</v>
      </c>
      <c r="I89" s="105">
        <v>393</v>
      </c>
      <c r="J89" s="123">
        <v>64</v>
      </c>
      <c r="K89" s="94">
        <v>441</v>
      </c>
      <c r="L89" s="132">
        <v>238</v>
      </c>
      <c r="M89" s="351">
        <v>432</v>
      </c>
      <c r="N89" s="96">
        <v>35</v>
      </c>
      <c r="O89" s="103">
        <v>0</v>
      </c>
      <c r="P89" s="236">
        <v>58.1</v>
      </c>
      <c r="Q89" s="44"/>
    </row>
    <row r="90" spans="2:17" s="219" customFormat="1" ht="15.75" customHeight="1">
      <c r="B90" s="348"/>
      <c r="C90" s="373" t="s">
        <v>33</v>
      </c>
      <c r="D90" s="350"/>
      <c r="E90" s="32"/>
      <c r="F90" s="91">
        <v>282</v>
      </c>
      <c r="G90" s="91">
        <v>838</v>
      </c>
      <c r="H90" s="91">
        <v>387</v>
      </c>
      <c r="I90" s="105">
        <v>451</v>
      </c>
      <c r="J90" s="123">
        <v>217</v>
      </c>
      <c r="K90" s="94">
        <v>563</v>
      </c>
      <c r="L90" s="132">
        <v>43</v>
      </c>
      <c r="M90" s="351">
        <v>478</v>
      </c>
      <c r="N90" s="96">
        <v>157</v>
      </c>
      <c r="O90" s="103">
        <v>0</v>
      </c>
      <c r="P90" s="106">
        <v>58.1</v>
      </c>
      <c r="Q90" s="44"/>
    </row>
    <row r="91" spans="2:17" s="219" customFormat="1" ht="15.75" customHeight="1">
      <c r="B91" s="348" t="s">
        <v>721</v>
      </c>
      <c r="C91" s="373" t="s">
        <v>26</v>
      </c>
      <c r="D91" s="350"/>
      <c r="E91" s="32"/>
      <c r="F91" s="91">
        <v>51</v>
      </c>
      <c r="G91" s="91">
        <v>392</v>
      </c>
      <c r="H91" s="91">
        <v>109</v>
      </c>
      <c r="I91" s="105">
        <v>283</v>
      </c>
      <c r="J91" s="123">
        <v>14</v>
      </c>
      <c r="K91" s="94">
        <v>85</v>
      </c>
      <c r="L91" s="132">
        <v>293</v>
      </c>
      <c r="M91" s="351">
        <v>957</v>
      </c>
      <c r="N91" s="96">
        <v>620</v>
      </c>
      <c r="O91" s="103">
        <v>0</v>
      </c>
      <c r="P91" s="236">
        <v>244.1</v>
      </c>
      <c r="Q91" s="44"/>
    </row>
    <row r="92" spans="2:17" s="219" customFormat="1" ht="15.75" customHeight="1">
      <c r="B92" s="348"/>
      <c r="C92" s="373" t="s">
        <v>27</v>
      </c>
      <c r="D92" s="350"/>
      <c r="E92" s="32"/>
      <c r="F92" s="91">
        <v>46</v>
      </c>
      <c r="G92" s="91">
        <v>155</v>
      </c>
      <c r="H92" s="91">
        <v>84</v>
      </c>
      <c r="I92" s="105">
        <v>71</v>
      </c>
      <c r="J92" s="123">
        <v>17</v>
      </c>
      <c r="K92" s="94">
        <v>104</v>
      </c>
      <c r="L92" s="132">
        <v>34</v>
      </c>
      <c r="M92" s="351">
        <v>816</v>
      </c>
      <c r="N92" s="96">
        <v>772</v>
      </c>
      <c r="O92" s="103">
        <v>0</v>
      </c>
      <c r="P92" s="236">
        <v>526.5</v>
      </c>
      <c r="Q92" s="44"/>
    </row>
    <row r="93" spans="2:17" s="219" customFormat="1" ht="15.75" customHeight="1">
      <c r="B93" s="348" t="s">
        <v>722</v>
      </c>
      <c r="C93" s="373" t="s">
        <v>26</v>
      </c>
      <c r="D93" s="350"/>
      <c r="E93" s="32"/>
      <c r="F93" s="91">
        <v>815</v>
      </c>
      <c r="G93" s="91">
        <v>1835</v>
      </c>
      <c r="H93" s="91">
        <v>895</v>
      </c>
      <c r="I93" s="105">
        <v>940</v>
      </c>
      <c r="J93" s="123">
        <v>226</v>
      </c>
      <c r="K93" s="94">
        <v>1270</v>
      </c>
      <c r="L93" s="132">
        <v>323</v>
      </c>
      <c r="M93" s="351">
        <v>2003</v>
      </c>
      <c r="N93" s="96">
        <v>1279</v>
      </c>
      <c r="O93" s="103">
        <v>0</v>
      </c>
      <c r="P93" s="106">
        <v>110.1</v>
      </c>
      <c r="Q93" s="44"/>
    </row>
    <row r="94" spans="2:17" s="219" customFormat="1" ht="15.75" customHeight="1">
      <c r="B94" s="348"/>
      <c r="C94" s="373" t="s">
        <v>27</v>
      </c>
      <c r="D94" s="350"/>
      <c r="E94" s="32"/>
      <c r="F94" s="91">
        <v>98</v>
      </c>
      <c r="G94" s="91">
        <v>234</v>
      </c>
      <c r="H94" s="91">
        <v>120</v>
      </c>
      <c r="I94" s="105">
        <v>114</v>
      </c>
      <c r="J94" s="123">
        <v>34</v>
      </c>
      <c r="K94" s="94">
        <v>164</v>
      </c>
      <c r="L94" s="132">
        <v>29</v>
      </c>
      <c r="M94" s="351">
        <v>717</v>
      </c>
      <c r="N94" s="96">
        <v>629</v>
      </c>
      <c r="O94" s="103">
        <v>0</v>
      </c>
      <c r="P94" s="106">
        <v>315.89999999999998</v>
      </c>
      <c r="Q94" s="44"/>
    </row>
    <row r="95" spans="2:17" s="219" customFormat="1" ht="15.75" customHeight="1">
      <c r="B95" s="348" t="s">
        <v>123</v>
      </c>
      <c r="C95" s="373" t="s">
        <v>28</v>
      </c>
      <c r="D95" s="350"/>
      <c r="E95" s="32"/>
      <c r="F95" s="91">
        <v>543</v>
      </c>
      <c r="G95" s="91">
        <v>1165</v>
      </c>
      <c r="H95" s="91">
        <v>587</v>
      </c>
      <c r="I95" s="105">
        <v>578</v>
      </c>
      <c r="J95" s="123">
        <v>153</v>
      </c>
      <c r="K95" s="94">
        <v>839</v>
      </c>
      <c r="L95" s="132">
        <v>173</v>
      </c>
      <c r="M95" s="351">
        <v>2255</v>
      </c>
      <c r="N95" s="96">
        <v>1807</v>
      </c>
      <c r="O95" s="103">
        <v>0</v>
      </c>
      <c r="P95" s="106">
        <v>193.6</v>
      </c>
      <c r="Q95" s="44"/>
    </row>
    <row r="96" spans="2:17" s="219" customFormat="1" ht="15.75" customHeight="1">
      <c r="B96" s="348"/>
      <c r="C96" s="373" t="s">
        <v>29</v>
      </c>
      <c r="D96" s="350"/>
      <c r="E96" s="32"/>
      <c r="F96" s="91">
        <v>305</v>
      </c>
      <c r="G96" s="91">
        <v>683</v>
      </c>
      <c r="H96" s="91">
        <v>346</v>
      </c>
      <c r="I96" s="105">
        <v>337</v>
      </c>
      <c r="J96" s="123">
        <v>98</v>
      </c>
      <c r="K96" s="94">
        <v>462</v>
      </c>
      <c r="L96" s="132">
        <v>123</v>
      </c>
      <c r="M96" s="351">
        <v>1562</v>
      </c>
      <c r="N96" s="96">
        <v>1269</v>
      </c>
      <c r="O96" s="103">
        <v>0</v>
      </c>
      <c r="P96" s="106">
        <v>228.7</v>
      </c>
      <c r="Q96" s="44"/>
    </row>
    <row r="97" spans="1:17" s="219" customFormat="1" ht="15.75" customHeight="1">
      <c r="B97" s="348"/>
      <c r="C97" s="373" t="s">
        <v>30</v>
      </c>
      <c r="D97" s="350"/>
      <c r="E97" s="32"/>
      <c r="F97" s="91">
        <v>1272</v>
      </c>
      <c r="G97" s="91">
        <v>3304</v>
      </c>
      <c r="H97" s="91">
        <v>1599</v>
      </c>
      <c r="I97" s="105">
        <v>1705</v>
      </c>
      <c r="J97" s="123">
        <v>497</v>
      </c>
      <c r="K97" s="94">
        <v>2244</v>
      </c>
      <c r="L97" s="132">
        <v>563</v>
      </c>
      <c r="M97" s="351">
        <v>2978</v>
      </c>
      <c r="N97" s="96">
        <v>1587</v>
      </c>
      <c r="O97" s="103">
        <v>0</v>
      </c>
      <c r="P97" s="106">
        <v>90.1</v>
      </c>
      <c r="Q97" s="44"/>
    </row>
    <row r="98" spans="1:17" s="219" customFormat="1" ht="15.75" customHeight="1">
      <c r="B98" s="348"/>
      <c r="C98" s="373" t="s">
        <v>31</v>
      </c>
      <c r="D98" s="350"/>
      <c r="E98" s="32"/>
      <c r="F98" s="91">
        <v>675</v>
      </c>
      <c r="G98" s="91">
        <v>1555</v>
      </c>
      <c r="H98" s="91">
        <v>758</v>
      </c>
      <c r="I98" s="105">
        <v>797</v>
      </c>
      <c r="J98" s="123">
        <v>177</v>
      </c>
      <c r="K98" s="94">
        <v>972</v>
      </c>
      <c r="L98" s="132">
        <v>396</v>
      </c>
      <c r="M98" s="351">
        <v>1515</v>
      </c>
      <c r="N98" s="96">
        <v>786</v>
      </c>
      <c r="O98" s="103">
        <v>0</v>
      </c>
      <c r="P98" s="106">
        <v>98.1</v>
      </c>
      <c r="Q98" s="44"/>
    </row>
    <row r="99" spans="1:17" s="219" customFormat="1" ht="15.75" customHeight="1">
      <c r="B99" s="348"/>
      <c r="C99" s="373" t="s">
        <v>32</v>
      </c>
      <c r="D99" s="350"/>
      <c r="E99" s="32"/>
      <c r="F99" s="91">
        <v>341</v>
      </c>
      <c r="G99" s="91">
        <v>1156</v>
      </c>
      <c r="H99" s="91">
        <v>508</v>
      </c>
      <c r="I99" s="105">
        <v>648</v>
      </c>
      <c r="J99" s="123">
        <v>228</v>
      </c>
      <c r="K99" s="94">
        <v>704</v>
      </c>
      <c r="L99" s="132">
        <v>220</v>
      </c>
      <c r="M99" s="351">
        <v>2241</v>
      </c>
      <c r="N99" s="96">
        <v>924</v>
      </c>
      <c r="O99" s="96">
        <v>698</v>
      </c>
      <c r="P99" s="106">
        <v>194.5</v>
      </c>
      <c r="Q99" s="44"/>
    </row>
    <row r="100" spans="1:17" s="219" customFormat="1" ht="15.75" customHeight="1">
      <c r="B100" s="348"/>
      <c r="C100" s="373" t="s">
        <v>33</v>
      </c>
      <c r="D100" s="350"/>
      <c r="E100" s="32"/>
      <c r="F100" s="91">
        <v>1104</v>
      </c>
      <c r="G100" s="91">
        <v>2718</v>
      </c>
      <c r="H100" s="91">
        <v>1304</v>
      </c>
      <c r="I100" s="105">
        <v>1414</v>
      </c>
      <c r="J100" s="123">
        <v>442</v>
      </c>
      <c r="K100" s="94">
        <v>1757</v>
      </c>
      <c r="L100" s="132">
        <v>484</v>
      </c>
      <c r="M100" s="351">
        <v>1527</v>
      </c>
      <c r="N100" s="96">
        <v>371</v>
      </c>
      <c r="O100" s="103">
        <v>0</v>
      </c>
      <c r="P100" s="106">
        <v>56.9</v>
      </c>
      <c r="Q100" s="44"/>
    </row>
    <row r="101" spans="1:17" s="219" customFormat="1" ht="15" customHeight="1">
      <c r="A101" s="227"/>
      <c r="B101" s="357"/>
      <c r="C101" s="373" t="s">
        <v>34</v>
      </c>
      <c r="D101" s="358"/>
      <c r="E101" s="32"/>
      <c r="F101" s="91">
        <v>216</v>
      </c>
      <c r="G101" s="91">
        <v>571</v>
      </c>
      <c r="H101" s="91">
        <v>299</v>
      </c>
      <c r="I101" s="105">
        <v>272</v>
      </c>
      <c r="J101" s="123">
        <v>98</v>
      </c>
      <c r="K101" s="94">
        <v>367</v>
      </c>
      <c r="L101" s="132">
        <v>106</v>
      </c>
      <c r="M101" s="351">
        <v>1330</v>
      </c>
      <c r="N101" s="96">
        <v>1127</v>
      </c>
      <c r="O101" s="103">
        <v>0</v>
      </c>
      <c r="P101" s="106">
        <v>232.9</v>
      </c>
      <c r="Q101" s="44"/>
    </row>
    <row r="102" spans="1:17" s="219" customFormat="1" ht="15" customHeight="1">
      <c r="A102" s="227"/>
      <c r="B102" s="357" t="s">
        <v>723</v>
      </c>
      <c r="C102" s="373" t="s">
        <v>26</v>
      </c>
      <c r="D102" s="358"/>
      <c r="E102" s="32"/>
      <c r="F102" s="91">
        <v>979</v>
      </c>
      <c r="G102" s="91">
        <v>2245</v>
      </c>
      <c r="H102" s="91">
        <v>1124</v>
      </c>
      <c r="I102" s="105">
        <v>1121</v>
      </c>
      <c r="J102" s="123">
        <v>282</v>
      </c>
      <c r="K102" s="94">
        <v>1510</v>
      </c>
      <c r="L102" s="132">
        <v>415</v>
      </c>
      <c r="M102" s="351">
        <v>1368</v>
      </c>
      <c r="N102" s="96">
        <v>411</v>
      </c>
      <c r="O102" s="103">
        <v>0</v>
      </c>
      <c r="P102" s="106">
        <v>62</v>
      </c>
      <c r="Q102" s="44"/>
    </row>
    <row r="103" spans="1:17" s="219" customFormat="1" ht="14.25" customHeight="1">
      <c r="A103" s="220"/>
      <c r="B103" s="357"/>
      <c r="C103" s="373" t="s">
        <v>27</v>
      </c>
      <c r="D103" s="358"/>
      <c r="E103" s="32"/>
      <c r="F103" s="91">
        <v>290</v>
      </c>
      <c r="G103" s="91">
        <v>781</v>
      </c>
      <c r="H103" s="91">
        <v>378</v>
      </c>
      <c r="I103" s="105">
        <v>403</v>
      </c>
      <c r="J103" s="94">
        <v>111</v>
      </c>
      <c r="K103" s="94">
        <v>486</v>
      </c>
      <c r="L103" s="94">
        <v>184</v>
      </c>
      <c r="M103" s="242">
        <v>696</v>
      </c>
      <c r="N103" s="363">
        <v>369</v>
      </c>
      <c r="O103" s="103">
        <v>0</v>
      </c>
      <c r="P103" s="106">
        <v>89.1</v>
      </c>
      <c r="Q103" s="44"/>
    </row>
    <row r="104" spans="1:17" s="219" customFormat="1" ht="15" customHeight="1">
      <c r="B104" s="357" t="s">
        <v>724</v>
      </c>
      <c r="C104" s="373" t="s">
        <v>28</v>
      </c>
      <c r="D104" s="358"/>
      <c r="E104" s="32"/>
      <c r="F104" s="91">
        <v>703</v>
      </c>
      <c r="G104" s="91">
        <v>1832</v>
      </c>
      <c r="H104" s="91">
        <v>902</v>
      </c>
      <c r="I104" s="105">
        <v>930</v>
      </c>
      <c r="J104" s="123">
        <v>394</v>
      </c>
      <c r="K104" s="94">
        <v>1146</v>
      </c>
      <c r="L104" s="132">
        <v>292</v>
      </c>
      <c r="M104" s="351">
        <v>2272</v>
      </c>
      <c r="N104" s="96">
        <v>369</v>
      </c>
      <c r="O104" s="96">
        <v>1140</v>
      </c>
      <c r="P104" s="106">
        <v>124</v>
      </c>
      <c r="Q104" s="44"/>
    </row>
    <row r="105" spans="1:17" s="219" customFormat="1" ht="15" customHeight="1">
      <c r="B105" s="357"/>
      <c r="C105" s="373" t="s">
        <v>29</v>
      </c>
      <c r="D105" s="358"/>
      <c r="E105" s="32"/>
      <c r="F105" s="91">
        <v>300</v>
      </c>
      <c r="G105" s="91">
        <v>712</v>
      </c>
      <c r="H105" s="91">
        <v>358</v>
      </c>
      <c r="I105" s="105">
        <v>354</v>
      </c>
      <c r="J105" s="123">
        <v>123</v>
      </c>
      <c r="K105" s="94">
        <v>486</v>
      </c>
      <c r="L105" s="132">
        <v>100</v>
      </c>
      <c r="M105" s="351">
        <v>901</v>
      </c>
      <c r="N105" s="96">
        <v>584</v>
      </c>
      <c r="O105" s="103">
        <v>0</v>
      </c>
      <c r="P105" s="106">
        <v>127.1</v>
      </c>
      <c r="Q105" s="44"/>
    </row>
    <row r="106" spans="1:17" s="219" customFormat="1" ht="15.75" customHeight="1">
      <c r="B106" s="357" t="s">
        <v>725</v>
      </c>
      <c r="C106" s="373" t="s">
        <v>26</v>
      </c>
      <c r="D106" s="358"/>
      <c r="E106" s="32"/>
      <c r="F106" s="91">
        <v>753</v>
      </c>
      <c r="G106" s="91">
        <v>1836</v>
      </c>
      <c r="H106" s="91">
        <v>926</v>
      </c>
      <c r="I106" s="105">
        <v>910</v>
      </c>
      <c r="J106" s="123">
        <v>335</v>
      </c>
      <c r="K106" s="94">
        <v>1244</v>
      </c>
      <c r="L106" s="132">
        <v>251</v>
      </c>
      <c r="M106" s="351">
        <v>1760</v>
      </c>
      <c r="N106" s="96">
        <v>998</v>
      </c>
      <c r="O106" s="103">
        <v>0</v>
      </c>
      <c r="P106" s="106">
        <v>96.2</v>
      </c>
      <c r="Q106" s="44"/>
    </row>
    <row r="107" spans="1:17" s="219" customFormat="1" ht="15.75" customHeight="1">
      <c r="B107" s="357"/>
      <c r="C107" s="373" t="s">
        <v>27</v>
      </c>
      <c r="D107" s="358"/>
      <c r="E107" s="32"/>
      <c r="F107" s="91">
        <v>360</v>
      </c>
      <c r="G107" s="91">
        <v>795</v>
      </c>
      <c r="H107" s="91">
        <v>363</v>
      </c>
      <c r="I107" s="105">
        <v>432</v>
      </c>
      <c r="J107" s="123">
        <v>71</v>
      </c>
      <c r="K107" s="94">
        <v>543</v>
      </c>
      <c r="L107" s="132">
        <v>181</v>
      </c>
      <c r="M107" s="351">
        <v>1530</v>
      </c>
      <c r="N107" s="96">
        <v>1180</v>
      </c>
      <c r="O107" s="103">
        <v>0</v>
      </c>
      <c r="P107" s="106">
        <v>192.5</v>
      </c>
      <c r="Q107" s="44"/>
    </row>
    <row r="108" spans="1:17" s="219" customFormat="1" ht="15.75" customHeight="1">
      <c r="B108" s="357"/>
      <c r="C108" s="373" t="s">
        <v>28</v>
      </c>
      <c r="D108" s="358"/>
      <c r="E108" s="32"/>
      <c r="F108" s="91">
        <v>697</v>
      </c>
      <c r="G108" s="91">
        <v>1677</v>
      </c>
      <c r="H108" s="91">
        <v>828</v>
      </c>
      <c r="I108" s="105">
        <v>849</v>
      </c>
      <c r="J108" s="123">
        <v>282</v>
      </c>
      <c r="K108" s="94">
        <v>1072</v>
      </c>
      <c r="L108" s="132">
        <v>323</v>
      </c>
      <c r="M108" s="351">
        <v>1219</v>
      </c>
      <c r="N108" s="96">
        <v>428</v>
      </c>
      <c r="O108" s="103">
        <v>0</v>
      </c>
      <c r="P108" s="106">
        <v>72.7</v>
      </c>
      <c r="Q108" s="44"/>
    </row>
    <row r="109" spans="1:17" s="219" customFormat="1" ht="15" customHeight="1">
      <c r="B109" s="357"/>
      <c r="C109" s="373" t="s">
        <v>29</v>
      </c>
      <c r="D109" s="358"/>
      <c r="E109" s="32"/>
      <c r="F109" s="91">
        <v>1167</v>
      </c>
      <c r="G109" s="91">
        <v>2612</v>
      </c>
      <c r="H109" s="91">
        <v>1257</v>
      </c>
      <c r="I109" s="105">
        <v>1355</v>
      </c>
      <c r="J109" s="123">
        <v>346</v>
      </c>
      <c r="K109" s="94">
        <v>1764</v>
      </c>
      <c r="L109" s="132">
        <v>500</v>
      </c>
      <c r="M109" s="351">
        <v>2265</v>
      </c>
      <c r="N109" s="96">
        <v>1128</v>
      </c>
      <c r="O109" s="103">
        <v>0</v>
      </c>
      <c r="P109" s="106">
        <v>86.8</v>
      </c>
      <c r="Q109" s="44"/>
    </row>
    <row r="110" spans="1:17" s="219" customFormat="1" ht="15.75" customHeight="1">
      <c r="B110" s="357"/>
      <c r="C110" s="373" t="s">
        <v>30</v>
      </c>
      <c r="D110" s="358"/>
      <c r="E110" s="32"/>
      <c r="F110" s="91">
        <v>519</v>
      </c>
      <c r="G110" s="91">
        <v>1215</v>
      </c>
      <c r="H110" s="91">
        <v>599</v>
      </c>
      <c r="I110" s="105">
        <v>616</v>
      </c>
      <c r="J110" s="123">
        <v>169</v>
      </c>
      <c r="K110" s="94">
        <v>872</v>
      </c>
      <c r="L110" s="132">
        <v>172</v>
      </c>
      <c r="M110" s="351">
        <v>1258</v>
      </c>
      <c r="N110" s="96">
        <v>442</v>
      </c>
      <c r="O110" s="96">
        <v>307</v>
      </c>
      <c r="P110" s="106">
        <v>103.7</v>
      </c>
      <c r="Q110" s="44"/>
    </row>
    <row r="111" spans="1:17" s="219" customFormat="1" ht="15.75" customHeight="1">
      <c r="B111" s="357"/>
      <c r="C111" s="373" t="s">
        <v>31</v>
      </c>
      <c r="D111" s="358"/>
      <c r="E111" s="32"/>
      <c r="F111" s="91">
        <v>557</v>
      </c>
      <c r="G111" s="91">
        <v>1359</v>
      </c>
      <c r="H111" s="91">
        <v>660</v>
      </c>
      <c r="I111" s="105">
        <v>699</v>
      </c>
      <c r="J111" s="123">
        <v>217</v>
      </c>
      <c r="K111" s="94">
        <v>849</v>
      </c>
      <c r="L111" s="132">
        <v>293</v>
      </c>
      <c r="M111" s="351">
        <v>1747</v>
      </c>
      <c r="N111" s="96">
        <v>1094</v>
      </c>
      <c r="O111" s="103">
        <v>0</v>
      </c>
      <c r="P111" s="106">
        <v>128.6</v>
      </c>
      <c r="Q111" s="44"/>
    </row>
    <row r="112" spans="1:17" s="219" customFormat="1" ht="15.75" customHeight="1">
      <c r="B112" s="352"/>
      <c r="C112" s="374" t="s">
        <v>32</v>
      </c>
      <c r="D112" s="354"/>
      <c r="E112" s="40"/>
      <c r="F112" s="115">
        <v>102</v>
      </c>
      <c r="G112" s="115">
        <v>245</v>
      </c>
      <c r="H112" s="115">
        <v>116</v>
      </c>
      <c r="I112" s="114">
        <v>129</v>
      </c>
      <c r="J112" s="127">
        <v>56</v>
      </c>
      <c r="K112" s="118">
        <v>174</v>
      </c>
      <c r="L112" s="276">
        <v>15</v>
      </c>
      <c r="M112" s="355">
        <v>522</v>
      </c>
      <c r="N112" s="120">
        <v>429</v>
      </c>
      <c r="O112" s="129">
        <v>0</v>
      </c>
      <c r="P112" s="122">
        <v>213.1</v>
      </c>
      <c r="Q112" s="44"/>
    </row>
    <row r="113" spans="2:17" s="219" customFormat="1" ht="15.75" customHeight="1">
      <c r="B113" s="348" t="s">
        <v>726</v>
      </c>
      <c r="C113" s="373" t="s">
        <v>26</v>
      </c>
      <c r="D113" s="350"/>
      <c r="E113" s="32"/>
      <c r="F113" s="91">
        <v>814</v>
      </c>
      <c r="G113" s="91">
        <v>2079</v>
      </c>
      <c r="H113" s="91">
        <v>1019</v>
      </c>
      <c r="I113" s="105">
        <v>1060</v>
      </c>
      <c r="J113" s="123">
        <v>393</v>
      </c>
      <c r="K113" s="94">
        <v>1440</v>
      </c>
      <c r="L113" s="132">
        <v>244</v>
      </c>
      <c r="M113" s="351">
        <v>1838</v>
      </c>
      <c r="N113" s="96">
        <v>1002</v>
      </c>
      <c r="O113" s="103">
        <v>0</v>
      </c>
      <c r="P113" s="106">
        <v>88.5</v>
      </c>
      <c r="Q113" s="44"/>
    </row>
    <row r="114" spans="2:17" s="219" customFormat="1" ht="15.75" customHeight="1">
      <c r="B114" s="348"/>
      <c r="C114" s="373" t="s">
        <v>27</v>
      </c>
      <c r="D114" s="350"/>
      <c r="E114" s="32"/>
      <c r="F114" s="91">
        <v>715</v>
      </c>
      <c r="G114" s="91">
        <v>1845</v>
      </c>
      <c r="H114" s="91">
        <v>865</v>
      </c>
      <c r="I114" s="105">
        <v>980</v>
      </c>
      <c r="J114" s="123">
        <v>211</v>
      </c>
      <c r="K114" s="94">
        <v>1257</v>
      </c>
      <c r="L114" s="132">
        <v>373</v>
      </c>
      <c r="M114" s="351">
        <v>1332</v>
      </c>
      <c r="N114" s="96">
        <v>641</v>
      </c>
      <c r="O114" s="103">
        <v>0</v>
      </c>
      <c r="P114" s="106">
        <v>72.400000000000006</v>
      </c>
      <c r="Q114" s="44"/>
    </row>
    <row r="115" spans="2:17" s="219" customFormat="1" ht="15.75" customHeight="1">
      <c r="B115" s="348" t="s">
        <v>727</v>
      </c>
      <c r="C115" s="373" t="s">
        <v>26</v>
      </c>
      <c r="D115" s="350"/>
      <c r="E115" s="32"/>
      <c r="F115" s="91">
        <v>675</v>
      </c>
      <c r="G115" s="91">
        <v>1659</v>
      </c>
      <c r="H115" s="91">
        <v>793</v>
      </c>
      <c r="I115" s="105">
        <v>866</v>
      </c>
      <c r="J115" s="123">
        <v>289</v>
      </c>
      <c r="K115" s="94">
        <v>1140</v>
      </c>
      <c r="L115" s="132">
        <v>230</v>
      </c>
      <c r="M115" s="351">
        <v>1214</v>
      </c>
      <c r="N115" s="96">
        <v>470</v>
      </c>
      <c r="O115" s="103">
        <v>0</v>
      </c>
      <c r="P115" s="106">
        <v>73.2</v>
      </c>
      <c r="Q115" s="44"/>
    </row>
    <row r="116" spans="2:17" s="219" customFormat="1" ht="15.75" customHeight="1">
      <c r="B116" s="348"/>
      <c r="C116" s="373" t="s">
        <v>27</v>
      </c>
      <c r="D116" s="350"/>
      <c r="E116" s="32"/>
      <c r="F116" s="91">
        <v>665</v>
      </c>
      <c r="G116" s="91">
        <v>1594</v>
      </c>
      <c r="H116" s="91">
        <v>768</v>
      </c>
      <c r="I116" s="105">
        <v>826</v>
      </c>
      <c r="J116" s="123">
        <v>280</v>
      </c>
      <c r="K116" s="94">
        <v>1041</v>
      </c>
      <c r="L116" s="132">
        <v>262</v>
      </c>
      <c r="M116" s="351">
        <v>1220</v>
      </c>
      <c r="N116" s="96">
        <v>602</v>
      </c>
      <c r="O116" s="103">
        <v>0</v>
      </c>
      <c r="P116" s="106">
        <v>77.099999999999994</v>
      </c>
      <c r="Q116" s="44"/>
    </row>
    <row r="117" spans="2:17" s="219" customFormat="1" ht="15.75" customHeight="1">
      <c r="B117" s="348"/>
      <c r="C117" s="373" t="s">
        <v>28</v>
      </c>
      <c r="D117" s="350"/>
      <c r="E117" s="32"/>
      <c r="F117" s="91">
        <v>694</v>
      </c>
      <c r="G117" s="91">
        <v>1477</v>
      </c>
      <c r="H117" s="91">
        <v>757</v>
      </c>
      <c r="I117" s="105">
        <v>720</v>
      </c>
      <c r="J117" s="123">
        <v>229</v>
      </c>
      <c r="K117" s="94">
        <v>1040</v>
      </c>
      <c r="L117" s="132">
        <v>208</v>
      </c>
      <c r="M117" s="351">
        <v>922</v>
      </c>
      <c r="N117" s="96">
        <v>323</v>
      </c>
      <c r="O117" s="103">
        <v>0</v>
      </c>
      <c r="P117" s="106">
        <v>62.4</v>
      </c>
      <c r="Q117" s="44"/>
    </row>
    <row r="118" spans="2:17" s="219" customFormat="1" ht="15.75" customHeight="1">
      <c r="B118" s="348" t="s">
        <v>728</v>
      </c>
      <c r="C118" s="373" t="s">
        <v>26</v>
      </c>
      <c r="D118" s="350"/>
      <c r="E118" s="32"/>
      <c r="F118" s="91">
        <v>308</v>
      </c>
      <c r="G118" s="91">
        <v>721</v>
      </c>
      <c r="H118" s="91">
        <v>361</v>
      </c>
      <c r="I118" s="105">
        <v>360</v>
      </c>
      <c r="J118" s="123">
        <v>124</v>
      </c>
      <c r="K118" s="94">
        <v>469</v>
      </c>
      <c r="L118" s="132">
        <v>128</v>
      </c>
      <c r="M118" s="351">
        <v>1837</v>
      </c>
      <c r="N118" s="96">
        <v>595</v>
      </c>
      <c r="O118" s="96">
        <v>927</v>
      </c>
      <c r="P118" s="106">
        <v>254.8</v>
      </c>
      <c r="Q118" s="44"/>
    </row>
    <row r="119" spans="2:17" s="219" customFormat="1" ht="15.75" customHeight="1">
      <c r="B119" s="348"/>
      <c r="C119" s="373" t="s">
        <v>27</v>
      </c>
      <c r="D119" s="350"/>
      <c r="E119" s="32"/>
      <c r="F119" s="91">
        <v>461</v>
      </c>
      <c r="G119" s="91">
        <v>1214</v>
      </c>
      <c r="H119" s="91">
        <v>578</v>
      </c>
      <c r="I119" s="105">
        <v>636</v>
      </c>
      <c r="J119" s="123">
        <v>102</v>
      </c>
      <c r="K119" s="94">
        <v>908</v>
      </c>
      <c r="L119" s="132">
        <v>204</v>
      </c>
      <c r="M119" s="351">
        <v>883</v>
      </c>
      <c r="N119" s="96">
        <v>453</v>
      </c>
      <c r="O119" s="103">
        <v>0</v>
      </c>
      <c r="P119" s="106">
        <v>72.7</v>
      </c>
      <c r="Q119" s="44"/>
    </row>
    <row r="120" spans="2:17" s="219" customFormat="1" ht="15.75" customHeight="1">
      <c r="B120" s="348"/>
      <c r="C120" s="373" t="s">
        <v>28</v>
      </c>
      <c r="D120" s="350"/>
      <c r="E120" s="32"/>
      <c r="F120" s="91">
        <v>232</v>
      </c>
      <c r="G120" s="91">
        <v>462</v>
      </c>
      <c r="H120" s="91">
        <v>245</v>
      </c>
      <c r="I120" s="105">
        <v>217</v>
      </c>
      <c r="J120" s="123">
        <v>46</v>
      </c>
      <c r="K120" s="94">
        <v>346</v>
      </c>
      <c r="L120" s="132">
        <v>70</v>
      </c>
      <c r="M120" s="351">
        <v>870</v>
      </c>
      <c r="N120" s="96">
        <v>676</v>
      </c>
      <c r="O120" s="103">
        <v>0</v>
      </c>
      <c r="P120" s="106">
        <v>188.3</v>
      </c>
      <c r="Q120" s="44"/>
    </row>
    <row r="121" spans="2:17" s="219" customFormat="1" ht="15.75" customHeight="1">
      <c r="B121" s="348"/>
      <c r="C121" s="373" t="s">
        <v>29</v>
      </c>
      <c r="D121" s="350"/>
      <c r="E121" s="32"/>
      <c r="F121" s="91">
        <v>328</v>
      </c>
      <c r="G121" s="91">
        <v>930</v>
      </c>
      <c r="H121" s="91">
        <v>444</v>
      </c>
      <c r="I121" s="105">
        <v>486</v>
      </c>
      <c r="J121" s="123">
        <v>162</v>
      </c>
      <c r="K121" s="94">
        <v>629</v>
      </c>
      <c r="L121" s="132">
        <v>139</v>
      </c>
      <c r="M121" s="351">
        <v>896</v>
      </c>
      <c r="N121" s="96">
        <v>520</v>
      </c>
      <c r="O121" s="103">
        <v>0</v>
      </c>
      <c r="P121" s="106">
        <v>96.3</v>
      </c>
      <c r="Q121" s="44"/>
    </row>
    <row r="122" spans="2:17" s="219" customFormat="1" ht="15.75" customHeight="1">
      <c r="B122" s="348"/>
      <c r="C122" s="373" t="s">
        <v>30</v>
      </c>
      <c r="D122" s="350"/>
      <c r="E122" s="32"/>
      <c r="F122" s="91">
        <v>348</v>
      </c>
      <c r="G122" s="91">
        <v>922</v>
      </c>
      <c r="H122" s="91">
        <v>471</v>
      </c>
      <c r="I122" s="105">
        <v>451</v>
      </c>
      <c r="J122" s="123">
        <v>150</v>
      </c>
      <c r="K122" s="94">
        <v>614</v>
      </c>
      <c r="L122" s="132">
        <v>158</v>
      </c>
      <c r="M122" s="351">
        <v>932</v>
      </c>
      <c r="N122" s="96">
        <v>572</v>
      </c>
      <c r="O122" s="103">
        <v>0</v>
      </c>
      <c r="P122" s="106">
        <v>101.1</v>
      </c>
      <c r="Q122" s="44"/>
    </row>
    <row r="123" spans="2:17" s="219" customFormat="1" ht="15.75" customHeight="1">
      <c r="B123" s="348" t="s">
        <v>729</v>
      </c>
      <c r="C123" s="373" t="s">
        <v>26</v>
      </c>
      <c r="D123" s="350"/>
      <c r="E123" s="32"/>
      <c r="F123" s="91">
        <v>713</v>
      </c>
      <c r="G123" s="91">
        <v>1864</v>
      </c>
      <c r="H123" s="91">
        <v>903</v>
      </c>
      <c r="I123" s="105">
        <v>961</v>
      </c>
      <c r="J123" s="123">
        <v>305</v>
      </c>
      <c r="K123" s="94">
        <v>1279</v>
      </c>
      <c r="L123" s="132">
        <v>280</v>
      </c>
      <c r="M123" s="351">
        <v>978</v>
      </c>
      <c r="N123" s="96">
        <v>270</v>
      </c>
      <c r="O123" s="103">
        <v>0</v>
      </c>
      <c r="P123" s="106">
        <v>52.5</v>
      </c>
      <c r="Q123" s="44"/>
    </row>
    <row r="124" spans="2:17" s="219" customFormat="1" ht="15.75" customHeight="1">
      <c r="B124" s="348"/>
      <c r="C124" s="373" t="s">
        <v>27</v>
      </c>
      <c r="D124" s="350"/>
      <c r="E124" s="32"/>
      <c r="F124" s="91">
        <v>1187</v>
      </c>
      <c r="G124" s="91">
        <v>2996</v>
      </c>
      <c r="H124" s="91">
        <v>1379</v>
      </c>
      <c r="I124" s="105">
        <v>1617</v>
      </c>
      <c r="J124" s="123">
        <v>563</v>
      </c>
      <c r="K124" s="94">
        <v>1801</v>
      </c>
      <c r="L124" s="132">
        <v>630</v>
      </c>
      <c r="M124" s="351">
        <v>1560</v>
      </c>
      <c r="N124" s="96">
        <v>132</v>
      </c>
      <c r="O124" s="103">
        <v>0</v>
      </c>
      <c r="P124" s="106">
        <v>52.1</v>
      </c>
      <c r="Q124" s="44"/>
    </row>
    <row r="125" spans="2:17" s="219" customFormat="1" ht="15.75" customHeight="1">
      <c r="B125" s="348"/>
      <c r="C125" s="373" t="s">
        <v>28</v>
      </c>
      <c r="D125" s="350"/>
      <c r="E125" s="32"/>
      <c r="F125" s="91">
        <v>745</v>
      </c>
      <c r="G125" s="91">
        <v>2067</v>
      </c>
      <c r="H125" s="91">
        <v>1020</v>
      </c>
      <c r="I125" s="105">
        <v>1047</v>
      </c>
      <c r="J125" s="123">
        <v>484</v>
      </c>
      <c r="K125" s="94">
        <v>1411</v>
      </c>
      <c r="L125" s="132">
        <v>172</v>
      </c>
      <c r="M125" s="351">
        <v>1815</v>
      </c>
      <c r="N125" s="96">
        <v>294</v>
      </c>
      <c r="O125" s="96">
        <v>609</v>
      </c>
      <c r="P125" s="106">
        <v>87.8</v>
      </c>
      <c r="Q125" s="44"/>
    </row>
    <row r="126" spans="2:17" s="219" customFormat="1" ht="15.75" customHeight="1">
      <c r="B126" s="348"/>
      <c r="C126" s="373" t="s">
        <v>29</v>
      </c>
      <c r="D126" s="350"/>
      <c r="E126" s="32"/>
      <c r="F126" s="91">
        <v>524</v>
      </c>
      <c r="G126" s="91">
        <v>1176</v>
      </c>
      <c r="H126" s="91">
        <v>572</v>
      </c>
      <c r="I126" s="105">
        <v>604</v>
      </c>
      <c r="J126" s="123">
        <v>158</v>
      </c>
      <c r="K126" s="94">
        <v>841</v>
      </c>
      <c r="L126" s="132">
        <v>164</v>
      </c>
      <c r="M126" s="351">
        <v>888</v>
      </c>
      <c r="N126" s="96">
        <v>395</v>
      </c>
      <c r="O126" s="103">
        <v>0</v>
      </c>
      <c r="P126" s="106">
        <v>76.400000000000006</v>
      </c>
      <c r="Q126" s="44"/>
    </row>
    <row r="127" spans="2:17" s="219" customFormat="1" ht="15.75" customHeight="1">
      <c r="B127" s="348"/>
      <c r="C127" s="373" t="s">
        <v>30</v>
      </c>
      <c r="D127" s="350"/>
      <c r="E127" s="32"/>
      <c r="F127" s="91">
        <v>280</v>
      </c>
      <c r="G127" s="91">
        <v>748</v>
      </c>
      <c r="H127" s="91">
        <v>342</v>
      </c>
      <c r="I127" s="105">
        <v>406</v>
      </c>
      <c r="J127" s="123">
        <v>91</v>
      </c>
      <c r="K127" s="94">
        <v>498</v>
      </c>
      <c r="L127" s="132">
        <v>159</v>
      </c>
      <c r="M127" s="351">
        <v>726</v>
      </c>
      <c r="N127" s="96">
        <v>422</v>
      </c>
      <c r="O127" s="103">
        <v>0</v>
      </c>
      <c r="P127" s="106">
        <v>97.1</v>
      </c>
      <c r="Q127" s="44"/>
    </row>
    <row r="128" spans="2:17" s="219" customFormat="1" ht="15.75" customHeight="1">
      <c r="B128" s="348"/>
      <c r="C128" s="373" t="s">
        <v>31</v>
      </c>
      <c r="D128" s="350"/>
      <c r="E128" s="32"/>
      <c r="F128" s="91">
        <v>343</v>
      </c>
      <c r="G128" s="91">
        <v>886</v>
      </c>
      <c r="H128" s="91">
        <v>415</v>
      </c>
      <c r="I128" s="105">
        <v>471</v>
      </c>
      <c r="J128" s="123">
        <v>116</v>
      </c>
      <c r="K128" s="94">
        <v>570</v>
      </c>
      <c r="L128" s="132">
        <v>200</v>
      </c>
      <c r="M128" s="351">
        <v>717</v>
      </c>
      <c r="N128" s="96">
        <v>303</v>
      </c>
      <c r="O128" s="103">
        <v>0</v>
      </c>
      <c r="P128" s="106">
        <v>80.900000000000006</v>
      </c>
      <c r="Q128" s="44"/>
    </row>
    <row r="129" spans="2:17" s="219" customFormat="1" ht="15.75" customHeight="1">
      <c r="B129" s="348"/>
      <c r="C129" s="373" t="s">
        <v>32</v>
      </c>
      <c r="D129" s="350"/>
      <c r="E129" s="32"/>
      <c r="F129" s="91">
        <v>547</v>
      </c>
      <c r="G129" s="91">
        <v>1357</v>
      </c>
      <c r="H129" s="91">
        <v>643</v>
      </c>
      <c r="I129" s="105">
        <v>714</v>
      </c>
      <c r="J129" s="123">
        <v>152</v>
      </c>
      <c r="K129" s="94">
        <v>821</v>
      </c>
      <c r="L129" s="132">
        <v>384</v>
      </c>
      <c r="M129" s="351">
        <v>1604</v>
      </c>
      <c r="N129" s="96">
        <v>891</v>
      </c>
      <c r="O129" s="103">
        <v>0</v>
      </c>
      <c r="P129" s="106">
        <v>118.2</v>
      </c>
      <c r="Q129" s="44"/>
    </row>
    <row r="130" spans="2:17" s="219" customFormat="1" ht="15" customHeight="1">
      <c r="B130" s="348"/>
      <c r="C130" s="373" t="s">
        <v>33</v>
      </c>
      <c r="D130" s="350"/>
      <c r="E130" s="32"/>
      <c r="F130" s="91">
        <v>798</v>
      </c>
      <c r="G130" s="91">
        <v>1692</v>
      </c>
      <c r="H130" s="91">
        <v>789</v>
      </c>
      <c r="I130" s="105">
        <v>903</v>
      </c>
      <c r="J130" s="123">
        <v>183</v>
      </c>
      <c r="K130" s="94">
        <v>919</v>
      </c>
      <c r="L130" s="132">
        <v>588</v>
      </c>
      <c r="M130" s="351">
        <v>1418</v>
      </c>
      <c r="N130" s="96">
        <v>183</v>
      </c>
      <c r="O130" s="96">
        <v>306</v>
      </c>
      <c r="P130" s="106">
        <v>83.9</v>
      </c>
      <c r="Q130" s="44"/>
    </row>
    <row r="131" spans="2:17" s="219" customFormat="1" ht="15" customHeight="1">
      <c r="B131" s="348" t="s">
        <v>730</v>
      </c>
      <c r="C131" s="373" t="s">
        <v>26</v>
      </c>
      <c r="D131" s="350"/>
      <c r="E131" s="32"/>
      <c r="F131" s="91">
        <v>471</v>
      </c>
      <c r="G131" s="91">
        <v>1217</v>
      </c>
      <c r="H131" s="91">
        <v>595</v>
      </c>
      <c r="I131" s="105">
        <v>622</v>
      </c>
      <c r="J131" s="123">
        <v>120</v>
      </c>
      <c r="K131" s="94">
        <v>713</v>
      </c>
      <c r="L131" s="132">
        <v>384</v>
      </c>
      <c r="M131" s="351">
        <v>1072</v>
      </c>
      <c r="N131" s="96">
        <v>491</v>
      </c>
      <c r="O131" s="103">
        <v>0</v>
      </c>
      <c r="P131" s="106">
        <v>88.1</v>
      </c>
      <c r="Q131" s="44"/>
    </row>
    <row r="132" spans="2:17" s="219" customFormat="1" ht="15" customHeight="1">
      <c r="B132" s="348"/>
      <c r="C132" s="373" t="s">
        <v>27</v>
      </c>
      <c r="D132" s="350"/>
      <c r="E132" s="32"/>
      <c r="F132" s="91">
        <v>484</v>
      </c>
      <c r="G132" s="91">
        <v>1380</v>
      </c>
      <c r="H132" s="91">
        <v>654</v>
      </c>
      <c r="I132" s="105">
        <v>726</v>
      </c>
      <c r="J132" s="123">
        <v>197</v>
      </c>
      <c r="K132" s="94">
        <v>874</v>
      </c>
      <c r="L132" s="132">
        <v>309</v>
      </c>
      <c r="M132" s="351">
        <v>1026</v>
      </c>
      <c r="N132" s="96">
        <v>411</v>
      </c>
      <c r="O132" s="103">
        <v>0</v>
      </c>
      <c r="P132" s="106">
        <v>74.3</v>
      </c>
      <c r="Q132" s="44"/>
    </row>
    <row r="133" spans="2:17" s="219" customFormat="1" ht="15" customHeight="1">
      <c r="B133" s="348"/>
      <c r="C133" s="373" t="s">
        <v>28</v>
      </c>
      <c r="D133" s="350"/>
      <c r="E133" s="32"/>
      <c r="F133" s="91">
        <v>1101</v>
      </c>
      <c r="G133" s="91">
        <v>2721</v>
      </c>
      <c r="H133" s="91">
        <v>1309</v>
      </c>
      <c r="I133" s="105">
        <v>1412</v>
      </c>
      <c r="J133" s="123">
        <v>378</v>
      </c>
      <c r="K133" s="94">
        <v>1710</v>
      </c>
      <c r="L133" s="132">
        <v>633</v>
      </c>
      <c r="M133" s="351">
        <v>2245</v>
      </c>
      <c r="N133" s="96">
        <v>674</v>
      </c>
      <c r="O133" s="96">
        <v>316</v>
      </c>
      <c r="P133" s="106">
        <v>82.5</v>
      </c>
      <c r="Q133" s="44"/>
    </row>
    <row r="134" spans="2:17" s="219" customFormat="1" ht="15" customHeight="1">
      <c r="B134" s="348"/>
      <c r="C134" s="373" t="s">
        <v>29</v>
      </c>
      <c r="D134" s="350"/>
      <c r="E134" s="32"/>
      <c r="F134" s="91">
        <v>642</v>
      </c>
      <c r="G134" s="91">
        <v>1566</v>
      </c>
      <c r="H134" s="91">
        <v>780</v>
      </c>
      <c r="I134" s="105">
        <v>786</v>
      </c>
      <c r="J134" s="123">
        <v>211</v>
      </c>
      <c r="K134" s="94">
        <v>1069</v>
      </c>
      <c r="L134" s="132">
        <v>286</v>
      </c>
      <c r="M134" s="351">
        <v>1197</v>
      </c>
      <c r="N134" s="96">
        <v>316</v>
      </c>
      <c r="O134" s="96">
        <v>229</v>
      </c>
      <c r="P134" s="106">
        <v>76.400000000000006</v>
      </c>
      <c r="Q134" s="44"/>
    </row>
    <row r="135" spans="2:17" s="219" customFormat="1" ht="15" customHeight="1">
      <c r="B135" s="348"/>
      <c r="C135" s="373" t="s">
        <v>30</v>
      </c>
      <c r="D135" s="350"/>
      <c r="E135" s="32"/>
      <c r="F135" s="91">
        <v>1459</v>
      </c>
      <c r="G135" s="91">
        <v>2865</v>
      </c>
      <c r="H135" s="91">
        <v>1317</v>
      </c>
      <c r="I135" s="105">
        <v>1548</v>
      </c>
      <c r="J135" s="123">
        <v>323</v>
      </c>
      <c r="K135" s="94">
        <v>1576</v>
      </c>
      <c r="L135" s="132">
        <v>966</v>
      </c>
      <c r="M135" s="351">
        <v>2033</v>
      </c>
      <c r="N135" s="96">
        <v>133</v>
      </c>
      <c r="O135" s="96">
        <v>191</v>
      </c>
      <c r="P135" s="106">
        <v>71</v>
      </c>
      <c r="Q135" s="44"/>
    </row>
    <row r="136" spans="2:17" s="219" customFormat="1" ht="15" customHeight="1">
      <c r="B136" s="348" t="s">
        <v>731</v>
      </c>
      <c r="C136" s="373" t="s">
        <v>26</v>
      </c>
      <c r="D136" s="350"/>
      <c r="E136" s="32"/>
      <c r="F136" s="91">
        <v>70</v>
      </c>
      <c r="G136" s="91">
        <v>139</v>
      </c>
      <c r="H136" s="91">
        <v>65</v>
      </c>
      <c r="I136" s="105">
        <v>74</v>
      </c>
      <c r="J136" s="123">
        <v>26</v>
      </c>
      <c r="K136" s="94">
        <v>99</v>
      </c>
      <c r="L136" s="132">
        <v>14</v>
      </c>
      <c r="M136" s="351">
        <v>1531</v>
      </c>
      <c r="N136" s="96">
        <v>1461</v>
      </c>
      <c r="O136" s="103">
        <v>0</v>
      </c>
      <c r="P136" s="106">
        <v>1101.4000000000001</v>
      </c>
      <c r="Q136" s="44"/>
    </row>
    <row r="137" spans="2:17" s="219" customFormat="1" ht="15" customHeight="1">
      <c r="B137" s="348" t="s">
        <v>123</v>
      </c>
      <c r="C137" s="373" t="s">
        <v>27</v>
      </c>
      <c r="D137" s="350"/>
      <c r="E137" s="32"/>
      <c r="F137" s="91">
        <v>317</v>
      </c>
      <c r="G137" s="91">
        <v>822</v>
      </c>
      <c r="H137" s="91">
        <v>405</v>
      </c>
      <c r="I137" s="105">
        <v>417</v>
      </c>
      <c r="J137" s="123">
        <v>193</v>
      </c>
      <c r="K137" s="94">
        <v>580</v>
      </c>
      <c r="L137" s="132">
        <v>49</v>
      </c>
      <c r="M137" s="351">
        <v>736</v>
      </c>
      <c r="N137" s="96">
        <v>336</v>
      </c>
      <c r="O137" s="103">
        <v>0</v>
      </c>
      <c r="P137" s="106">
        <v>89.5</v>
      </c>
      <c r="Q137" s="44"/>
    </row>
    <row r="138" spans="2:17" s="219" customFormat="1" ht="15" customHeight="1">
      <c r="B138" s="348"/>
      <c r="C138" s="373" t="s">
        <v>28</v>
      </c>
      <c r="D138" s="350"/>
      <c r="E138" s="32"/>
      <c r="F138" s="91">
        <v>634</v>
      </c>
      <c r="G138" s="91">
        <v>1502</v>
      </c>
      <c r="H138" s="91">
        <v>690</v>
      </c>
      <c r="I138" s="105">
        <v>812</v>
      </c>
      <c r="J138" s="123">
        <v>294</v>
      </c>
      <c r="K138" s="94">
        <v>885</v>
      </c>
      <c r="L138" s="132">
        <v>323</v>
      </c>
      <c r="M138" s="351">
        <v>2607</v>
      </c>
      <c r="N138" s="96">
        <v>373</v>
      </c>
      <c r="O138" s="96">
        <v>1504</v>
      </c>
      <c r="P138" s="106">
        <v>173.6</v>
      </c>
      <c r="Q138" s="44"/>
    </row>
    <row r="139" spans="2:17" s="219" customFormat="1" ht="15" customHeight="1">
      <c r="B139" s="348"/>
      <c r="C139" s="373" t="s">
        <v>29</v>
      </c>
      <c r="D139" s="350"/>
      <c r="E139" s="32"/>
      <c r="F139" s="91">
        <v>881</v>
      </c>
      <c r="G139" s="91">
        <v>1942</v>
      </c>
      <c r="H139" s="91">
        <v>886</v>
      </c>
      <c r="I139" s="105">
        <v>1056</v>
      </c>
      <c r="J139" s="123">
        <v>228</v>
      </c>
      <c r="K139" s="94">
        <v>1271</v>
      </c>
      <c r="L139" s="132">
        <v>443</v>
      </c>
      <c r="M139" s="351">
        <v>1119</v>
      </c>
      <c r="N139" s="96">
        <v>114</v>
      </c>
      <c r="O139" s="103">
        <v>0</v>
      </c>
      <c r="P139" s="106">
        <v>57.6</v>
      </c>
      <c r="Q139" s="44"/>
    </row>
    <row r="140" spans="2:17" s="219" customFormat="1" ht="15.75" customHeight="1">
      <c r="B140" s="348" t="s">
        <v>732</v>
      </c>
      <c r="C140" s="373" t="s">
        <v>26</v>
      </c>
      <c r="D140" s="350"/>
      <c r="E140" s="32"/>
      <c r="F140" s="91">
        <v>934</v>
      </c>
      <c r="G140" s="91">
        <v>2379</v>
      </c>
      <c r="H140" s="91">
        <v>1111</v>
      </c>
      <c r="I140" s="105">
        <v>1268</v>
      </c>
      <c r="J140" s="123">
        <v>437</v>
      </c>
      <c r="K140" s="94">
        <v>1615</v>
      </c>
      <c r="L140" s="132">
        <v>327</v>
      </c>
      <c r="M140" s="351">
        <v>2290</v>
      </c>
      <c r="N140" s="96">
        <v>1099</v>
      </c>
      <c r="O140" s="103">
        <v>0</v>
      </c>
      <c r="P140" s="106">
        <v>96.3</v>
      </c>
      <c r="Q140" s="44"/>
    </row>
    <row r="141" spans="2:17" s="219" customFormat="1" ht="15" customHeight="1">
      <c r="B141" s="348"/>
      <c r="C141" s="373" t="s">
        <v>27</v>
      </c>
      <c r="D141" s="350"/>
      <c r="E141" s="32"/>
      <c r="F141" s="91">
        <v>647</v>
      </c>
      <c r="G141" s="91">
        <v>1801</v>
      </c>
      <c r="H141" s="91">
        <v>830</v>
      </c>
      <c r="I141" s="105">
        <v>971</v>
      </c>
      <c r="J141" s="123">
        <v>340</v>
      </c>
      <c r="K141" s="94">
        <v>1124</v>
      </c>
      <c r="L141" s="132">
        <v>337</v>
      </c>
      <c r="M141" s="351">
        <v>1676</v>
      </c>
      <c r="N141" s="96">
        <v>213</v>
      </c>
      <c r="O141" s="96">
        <v>775</v>
      </c>
      <c r="P141" s="106">
        <v>93.1</v>
      </c>
      <c r="Q141" s="44"/>
    </row>
    <row r="142" spans="2:17" s="219" customFormat="1" ht="15" customHeight="1">
      <c r="B142" s="348"/>
      <c r="C142" s="373" t="s">
        <v>28</v>
      </c>
      <c r="D142" s="350"/>
      <c r="E142" s="32"/>
      <c r="F142" s="91">
        <v>551</v>
      </c>
      <c r="G142" s="91">
        <v>1388</v>
      </c>
      <c r="H142" s="91">
        <v>663</v>
      </c>
      <c r="I142" s="105">
        <v>725</v>
      </c>
      <c r="J142" s="123">
        <v>251</v>
      </c>
      <c r="K142" s="94">
        <v>930</v>
      </c>
      <c r="L142" s="132">
        <v>207</v>
      </c>
      <c r="M142" s="351">
        <v>987</v>
      </c>
      <c r="N142" s="96">
        <v>396</v>
      </c>
      <c r="O142" s="103">
        <v>0</v>
      </c>
      <c r="P142" s="106">
        <v>71.099999999999994</v>
      </c>
      <c r="Q142" s="44"/>
    </row>
    <row r="143" spans="2:17" s="219" customFormat="1" ht="15" customHeight="1">
      <c r="B143" s="348"/>
      <c r="C143" s="373" t="s">
        <v>29</v>
      </c>
      <c r="D143" s="350"/>
      <c r="E143" s="32"/>
      <c r="F143" s="91">
        <v>781</v>
      </c>
      <c r="G143" s="91">
        <v>2209</v>
      </c>
      <c r="H143" s="91">
        <v>1094</v>
      </c>
      <c r="I143" s="105">
        <v>1115</v>
      </c>
      <c r="J143" s="123">
        <v>528</v>
      </c>
      <c r="K143" s="94">
        <v>1415</v>
      </c>
      <c r="L143" s="132">
        <v>266</v>
      </c>
      <c r="M143" s="351">
        <v>1298</v>
      </c>
      <c r="N143" s="96">
        <v>337</v>
      </c>
      <c r="O143" s="103">
        <v>0</v>
      </c>
      <c r="P143" s="106">
        <v>58.8</v>
      </c>
      <c r="Q143" s="44"/>
    </row>
    <row r="144" spans="2:17" s="219" customFormat="1" ht="15" customHeight="1">
      <c r="B144" s="348" t="s">
        <v>733</v>
      </c>
      <c r="C144" s="373" t="s">
        <v>26</v>
      </c>
      <c r="D144" s="350"/>
      <c r="E144" s="32"/>
      <c r="F144" s="91">
        <v>799</v>
      </c>
      <c r="G144" s="91">
        <v>1751</v>
      </c>
      <c r="H144" s="91">
        <v>783</v>
      </c>
      <c r="I144" s="105">
        <v>968</v>
      </c>
      <c r="J144" s="123">
        <v>213</v>
      </c>
      <c r="K144" s="94">
        <v>950</v>
      </c>
      <c r="L144" s="132">
        <v>588</v>
      </c>
      <c r="M144" s="351">
        <v>1709</v>
      </c>
      <c r="N144" s="96">
        <v>462</v>
      </c>
      <c r="O144" s="96">
        <v>277</v>
      </c>
      <c r="P144" s="106">
        <v>97.6</v>
      </c>
      <c r="Q144" s="44"/>
    </row>
    <row r="145" spans="1:22" s="219" customFormat="1" ht="15" customHeight="1">
      <c r="B145" s="348"/>
      <c r="C145" s="373" t="s">
        <v>27</v>
      </c>
      <c r="D145" s="350"/>
      <c r="E145" s="32"/>
      <c r="F145" s="91">
        <v>1304</v>
      </c>
      <c r="G145" s="91">
        <v>2748</v>
      </c>
      <c r="H145" s="91">
        <v>1229</v>
      </c>
      <c r="I145" s="105">
        <v>1519</v>
      </c>
      <c r="J145" s="123">
        <v>308</v>
      </c>
      <c r="K145" s="94">
        <v>1364</v>
      </c>
      <c r="L145" s="132">
        <v>1076</v>
      </c>
      <c r="M145" s="351">
        <v>1844</v>
      </c>
      <c r="N145" s="96">
        <v>142</v>
      </c>
      <c r="O145" s="103">
        <v>0</v>
      </c>
      <c r="P145" s="106">
        <v>67.099999999999994</v>
      </c>
      <c r="Q145" s="44"/>
    </row>
    <row r="146" spans="1:22" s="219" customFormat="1" ht="15" customHeight="1">
      <c r="B146" s="348"/>
      <c r="C146" s="373" t="s">
        <v>28</v>
      </c>
      <c r="D146" s="350"/>
      <c r="E146" s="32"/>
      <c r="F146" s="91">
        <v>1728</v>
      </c>
      <c r="G146" s="91">
        <v>3583</v>
      </c>
      <c r="H146" s="91">
        <v>1736</v>
      </c>
      <c r="I146" s="105">
        <v>1847</v>
      </c>
      <c r="J146" s="123">
        <v>539</v>
      </c>
      <c r="K146" s="94">
        <v>2095</v>
      </c>
      <c r="L146" s="132">
        <v>949</v>
      </c>
      <c r="M146" s="351">
        <v>3112</v>
      </c>
      <c r="N146" s="96">
        <v>758</v>
      </c>
      <c r="O146" s="96">
        <v>356</v>
      </c>
      <c r="P146" s="106">
        <v>86.9</v>
      </c>
      <c r="Q146" s="44"/>
    </row>
    <row r="147" spans="1:22" s="219" customFormat="1" ht="15" customHeight="1">
      <c r="B147" s="348" t="s">
        <v>734</v>
      </c>
      <c r="C147" s="373" t="s">
        <v>26</v>
      </c>
      <c r="D147" s="350"/>
      <c r="E147" s="32"/>
      <c r="F147" s="91">
        <v>316</v>
      </c>
      <c r="G147" s="91">
        <v>864</v>
      </c>
      <c r="H147" s="91">
        <v>434</v>
      </c>
      <c r="I147" s="105">
        <v>430</v>
      </c>
      <c r="J147" s="123">
        <v>148</v>
      </c>
      <c r="K147" s="94">
        <v>594</v>
      </c>
      <c r="L147" s="132">
        <v>122</v>
      </c>
      <c r="M147" s="351">
        <v>725</v>
      </c>
      <c r="N147" s="96">
        <v>134</v>
      </c>
      <c r="O147" s="96">
        <v>229</v>
      </c>
      <c r="P147" s="106">
        <v>83.9</v>
      </c>
      <c r="Q147" s="44"/>
    </row>
    <row r="148" spans="1:22" s="219" customFormat="1" ht="15" customHeight="1">
      <c r="A148" s="227"/>
      <c r="B148" s="357"/>
      <c r="C148" s="373" t="s">
        <v>27</v>
      </c>
      <c r="D148" s="358"/>
      <c r="E148" s="32"/>
      <c r="F148" s="91">
        <v>453</v>
      </c>
      <c r="G148" s="91">
        <v>1200</v>
      </c>
      <c r="H148" s="91">
        <v>605</v>
      </c>
      <c r="I148" s="105">
        <v>595</v>
      </c>
      <c r="J148" s="123">
        <v>207</v>
      </c>
      <c r="K148" s="94">
        <v>798</v>
      </c>
      <c r="L148" s="132">
        <v>195</v>
      </c>
      <c r="M148" s="351">
        <v>902</v>
      </c>
      <c r="N148" s="96">
        <v>318</v>
      </c>
      <c r="O148" s="103">
        <v>0</v>
      </c>
      <c r="P148" s="106">
        <v>75.2</v>
      </c>
      <c r="Q148" s="44"/>
    </row>
    <row r="149" spans="1:22" s="219" customFormat="1" ht="15" customHeight="1">
      <c r="A149" s="227"/>
      <c r="B149" s="357" t="s">
        <v>123</v>
      </c>
      <c r="C149" s="373" t="s">
        <v>28</v>
      </c>
      <c r="D149" s="358"/>
      <c r="E149" s="32"/>
      <c r="F149" s="91">
        <v>596</v>
      </c>
      <c r="G149" s="91">
        <v>1985</v>
      </c>
      <c r="H149" s="91">
        <v>928</v>
      </c>
      <c r="I149" s="105">
        <v>1057</v>
      </c>
      <c r="J149" s="123">
        <v>446</v>
      </c>
      <c r="K149" s="94">
        <v>1241</v>
      </c>
      <c r="L149" s="132">
        <v>298</v>
      </c>
      <c r="M149" s="351">
        <v>2825</v>
      </c>
      <c r="N149" s="96">
        <v>1877</v>
      </c>
      <c r="O149" s="96">
        <v>113</v>
      </c>
      <c r="P149" s="106">
        <v>142.30000000000001</v>
      </c>
      <c r="Q149" s="44"/>
    </row>
    <row r="150" spans="1:22" s="227" customFormat="1" ht="13.5" customHeight="1">
      <c r="A150" s="220"/>
      <c r="B150" s="352"/>
      <c r="C150" s="374" t="s">
        <v>29</v>
      </c>
      <c r="D150" s="354"/>
      <c r="E150" s="40"/>
      <c r="F150" s="115">
        <v>147</v>
      </c>
      <c r="G150" s="115">
        <v>468</v>
      </c>
      <c r="H150" s="115">
        <v>231</v>
      </c>
      <c r="I150" s="114">
        <v>237</v>
      </c>
      <c r="J150" s="118">
        <v>102</v>
      </c>
      <c r="K150" s="118">
        <v>333</v>
      </c>
      <c r="L150" s="118">
        <v>33</v>
      </c>
      <c r="M150" s="369">
        <v>1148</v>
      </c>
      <c r="N150" s="370">
        <v>156</v>
      </c>
      <c r="O150" s="120">
        <v>859</v>
      </c>
      <c r="P150" s="122">
        <v>245.3</v>
      </c>
      <c r="Q150" s="44"/>
      <c r="T150" s="219"/>
      <c r="U150" s="219"/>
      <c r="V150" s="219"/>
    </row>
    <row r="151" spans="1:22">
      <c r="E151" s="221"/>
      <c r="F151" s="221"/>
      <c r="G151" s="221"/>
      <c r="H151" s="221"/>
      <c r="I151" s="221"/>
      <c r="J151" s="221"/>
      <c r="K151" s="221"/>
      <c r="L151" s="221"/>
      <c r="M151" s="149"/>
      <c r="N151" s="149"/>
      <c r="O151" s="149"/>
      <c r="P151" s="221"/>
    </row>
    <row r="152" spans="1:22">
      <c r="E152" s="221"/>
      <c r="F152" s="221"/>
      <c r="G152" s="221"/>
      <c r="H152" s="221"/>
      <c r="I152" s="221"/>
      <c r="J152" s="221"/>
      <c r="K152" s="221"/>
      <c r="L152" s="221"/>
      <c r="M152" s="149"/>
      <c r="N152" s="149"/>
      <c r="O152" s="149"/>
      <c r="P152" s="221"/>
    </row>
    <row r="153" spans="1:22">
      <c r="E153" s="221"/>
      <c r="F153" s="221"/>
      <c r="G153" s="221"/>
      <c r="H153" s="221"/>
      <c r="I153" s="221"/>
      <c r="J153" s="221"/>
      <c r="K153" s="221"/>
      <c r="L153" s="221"/>
      <c r="M153" s="149"/>
      <c r="N153" s="149"/>
      <c r="O153" s="149"/>
      <c r="P153" s="221"/>
    </row>
    <row r="154" spans="1:22">
      <c r="E154" s="221"/>
      <c r="F154" s="221"/>
      <c r="G154" s="221"/>
      <c r="H154" s="221"/>
      <c r="I154" s="221"/>
      <c r="J154" s="221"/>
      <c r="K154" s="221"/>
      <c r="L154" s="221"/>
      <c r="M154" s="149"/>
      <c r="N154" s="149"/>
      <c r="O154" s="149"/>
      <c r="P154" s="221"/>
    </row>
    <row r="155" spans="1:22">
      <c r="E155" s="221"/>
      <c r="F155" s="221"/>
      <c r="G155" s="221"/>
      <c r="H155" s="221"/>
      <c r="I155" s="221"/>
      <c r="J155" s="221"/>
      <c r="K155" s="221"/>
      <c r="L155" s="221"/>
      <c r="M155" s="149"/>
      <c r="N155" s="149"/>
      <c r="O155" s="149"/>
      <c r="P155" s="221"/>
    </row>
    <row r="156" spans="1:22">
      <c r="E156" s="221"/>
      <c r="F156" s="221"/>
      <c r="G156" s="221"/>
      <c r="H156" s="221"/>
      <c r="I156" s="221"/>
      <c r="J156" s="221"/>
      <c r="K156" s="221"/>
      <c r="L156" s="221"/>
      <c r="M156" s="149"/>
      <c r="N156" s="149"/>
      <c r="O156" s="149"/>
      <c r="P156" s="221"/>
    </row>
    <row r="157" spans="1:22">
      <c r="E157" s="221"/>
      <c r="F157" s="221"/>
      <c r="G157" s="221"/>
      <c r="H157" s="221"/>
      <c r="I157" s="221"/>
      <c r="J157" s="221"/>
      <c r="K157" s="221"/>
      <c r="L157" s="221"/>
      <c r="M157" s="149"/>
      <c r="N157" s="149"/>
      <c r="O157" s="149"/>
      <c r="P157" s="221"/>
    </row>
    <row r="158" spans="1:22">
      <c r="E158" s="221"/>
      <c r="F158" s="221"/>
      <c r="G158" s="221"/>
      <c r="H158" s="221"/>
      <c r="I158" s="221"/>
      <c r="J158" s="221"/>
      <c r="K158" s="221"/>
      <c r="L158" s="221"/>
      <c r="M158" s="149"/>
      <c r="N158" s="149"/>
      <c r="O158" s="149"/>
      <c r="P158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1" fitToHeight="0" orientation="portrait" r:id="rId1"/>
  <headerFooter alignWithMargins="0"/>
  <rowBreaks count="2" manualBreakCount="2">
    <brk id="60" max="15" man="1"/>
    <brk id="112" max="15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149"/>
  <sheetViews>
    <sheetView zoomScaleNormal="100" zoomScaleSheetLayoutView="100" workbookViewId="0">
      <pane ySplit="8" topLeftCell="A9" activePane="bottomLeft" state="frozen"/>
      <selection pane="bottomLeft" sqref="A1:D1"/>
    </sheetView>
  </sheetViews>
  <sheetFormatPr defaultRowHeight="12"/>
  <cols>
    <col min="1" max="1" width="0.33203125" style="44" customWidth="1"/>
    <col min="2" max="2" width="10.83203125" style="44" customWidth="1"/>
    <col min="3" max="3" width="10.83203125" style="372" customWidth="1"/>
    <col min="4" max="4" width="0.33203125" style="44" customWidth="1"/>
    <col min="5" max="5" width="4.1640625" style="44" customWidth="1"/>
    <col min="6" max="6" width="8.83203125" style="44" bestFit="1" customWidth="1"/>
    <col min="7" max="7" width="12.1640625" style="44" bestFit="1" customWidth="1"/>
    <col min="8" max="9" width="8.5" style="44" bestFit="1" customWidth="1"/>
    <col min="10" max="10" width="8" style="44" bestFit="1" customWidth="1"/>
    <col min="11" max="12" width="8.83203125" style="44" bestFit="1" customWidth="1"/>
    <col min="13" max="13" width="10.1640625" style="45" bestFit="1" customWidth="1"/>
    <col min="14" max="15" width="9.83203125" style="45" customWidth="1"/>
    <col min="16" max="16" width="8.83203125" style="44" bestFit="1" customWidth="1"/>
    <col min="17" max="16384" width="9.33203125" style="44"/>
  </cols>
  <sheetData>
    <row r="1" spans="1:22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22">
      <c r="A3" s="44" t="s">
        <v>78</v>
      </c>
    </row>
    <row r="4" spans="1:22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22" ht="20.100000000000001" customHeight="1" thickBot="1">
      <c r="A5" s="207" t="s">
        <v>735</v>
      </c>
    </row>
    <row r="6" spans="1:22" s="55" customFormat="1" ht="18" customHeight="1" thickTop="1">
      <c r="A6" s="208"/>
      <c r="B6" s="456" t="s">
        <v>81</v>
      </c>
      <c r="C6" s="456"/>
      <c r="D6" s="209"/>
      <c r="E6" s="210" t="s">
        <v>82</v>
      </c>
      <c r="F6" s="457" t="s">
        <v>39</v>
      </c>
      <c r="G6" s="459" t="s">
        <v>484</v>
      </c>
      <c r="H6" s="460"/>
      <c r="I6" s="460"/>
      <c r="J6" s="461" t="s">
        <v>485</v>
      </c>
      <c r="K6" s="459"/>
      <c r="L6" s="462"/>
      <c r="M6" s="463" t="s">
        <v>486</v>
      </c>
      <c r="N6" s="464"/>
      <c r="O6" s="465"/>
      <c r="P6" s="211" t="s">
        <v>487</v>
      </c>
    </row>
    <row r="7" spans="1:22" s="55" customFormat="1" ht="24" customHeight="1" thickBot="1">
      <c r="A7" s="56"/>
      <c r="B7" s="408"/>
      <c r="C7" s="408"/>
      <c r="D7" s="57"/>
      <c r="E7" s="212" t="s">
        <v>86</v>
      </c>
      <c r="F7" s="458"/>
      <c r="G7" s="213" t="s">
        <v>488</v>
      </c>
      <c r="H7" s="214" t="s">
        <v>45</v>
      </c>
      <c r="I7" s="60" t="s">
        <v>46</v>
      </c>
      <c r="J7" s="59" t="s">
        <v>88</v>
      </c>
      <c r="K7" s="59" t="s">
        <v>89</v>
      </c>
      <c r="L7" s="59" t="s">
        <v>90</v>
      </c>
      <c r="M7" s="215"/>
      <c r="N7" s="62" t="s">
        <v>91</v>
      </c>
      <c r="O7" s="63" t="s">
        <v>52</v>
      </c>
      <c r="P7" s="214" t="s">
        <v>489</v>
      </c>
    </row>
    <row r="8" spans="1:22" s="15" customFormat="1" ht="3.75" customHeight="1" thickTop="1">
      <c r="A8" s="188"/>
      <c r="B8" s="189"/>
      <c r="C8" s="200"/>
      <c r="D8" s="189"/>
      <c r="E8" s="65"/>
      <c r="F8" s="65"/>
      <c r="G8" s="65"/>
      <c r="H8" s="65"/>
      <c r="I8" s="191"/>
      <c r="J8" s="189"/>
      <c r="K8" s="65"/>
      <c r="L8" s="216"/>
      <c r="M8" s="217"/>
      <c r="N8" s="184"/>
      <c r="O8" s="184"/>
      <c r="P8" s="65"/>
    </row>
    <row r="9" spans="1:22" s="218" customFormat="1" ht="17.25" customHeight="1">
      <c r="B9" s="455" t="s">
        <v>92</v>
      </c>
      <c r="C9" s="466"/>
      <c r="D9" s="356"/>
      <c r="E9" s="28"/>
      <c r="F9" s="152">
        <v>78995</v>
      </c>
      <c r="G9" s="152">
        <v>132767</v>
      </c>
      <c r="H9" s="152">
        <v>78039</v>
      </c>
      <c r="I9" s="81">
        <v>54728</v>
      </c>
      <c r="J9" s="346">
        <v>9892</v>
      </c>
      <c r="K9" s="83">
        <v>81816</v>
      </c>
      <c r="L9" s="287">
        <v>38600</v>
      </c>
      <c r="M9" s="347">
        <v>130534</v>
      </c>
      <c r="N9" s="85">
        <v>46043</v>
      </c>
      <c r="O9" s="85">
        <v>7422</v>
      </c>
      <c r="P9" s="86">
        <v>100.2</v>
      </c>
    </row>
    <row r="10" spans="1:22" s="219" customFormat="1" ht="3" customHeight="1">
      <c r="B10" s="348"/>
      <c r="C10" s="373"/>
      <c r="D10" s="350"/>
      <c r="E10" s="32"/>
      <c r="F10" s="91"/>
      <c r="G10" s="91"/>
      <c r="H10" s="91"/>
      <c r="I10" s="105"/>
      <c r="J10" s="123"/>
      <c r="K10" s="94"/>
      <c r="L10" s="132"/>
      <c r="M10" s="351"/>
      <c r="N10" s="96"/>
      <c r="O10" s="96"/>
      <c r="P10" s="106"/>
      <c r="T10" s="218"/>
      <c r="U10" s="218"/>
      <c r="V10" s="218"/>
    </row>
    <row r="11" spans="1:22" s="219" customFormat="1" ht="17.25" customHeight="1">
      <c r="B11" s="348" t="s">
        <v>736</v>
      </c>
      <c r="C11" s="373" t="s">
        <v>26</v>
      </c>
      <c r="D11" s="350"/>
      <c r="E11" s="385"/>
      <c r="F11" s="91">
        <v>1308</v>
      </c>
      <c r="G11" s="91">
        <v>2017</v>
      </c>
      <c r="H11" s="91">
        <v>1134</v>
      </c>
      <c r="I11" s="105">
        <v>883</v>
      </c>
      <c r="J11" s="123">
        <v>105</v>
      </c>
      <c r="K11" s="94">
        <v>1208</v>
      </c>
      <c r="L11" s="132">
        <v>700</v>
      </c>
      <c r="M11" s="351">
        <v>1552</v>
      </c>
      <c r="N11" s="96">
        <v>384</v>
      </c>
      <c r="O11" s="103">
        <v>0</v>
      </c>
      <c r="P11" s="106">
        <v>77.099999999999994</v>
      </c>
      <c r="T11" s="218"/>
      <c r="U11" s="218"/>
      <c r="V11" s="218"/>
    </row>
    <row r="12" spans="1:22" s="219" customFormat="1" ht="17.25" customHeight="1">
      <c r="B12" s="348"/>
      <c r="C12" s="373" t="s">
        <v>27</v>
      </c>
      <c r="D12" s="350"/>
      <c r="E12" s="32"/>
      <c r="F12" s="91">
        <v>1369</v>
      </c>
      <c r="G12" s="91">
        <v>1819</v>
      </c>
      <c r="H12" s="91">
        <v>1124</v>
      </c>
      <c r="I12" s="105">
        <v>695</v>
      </c>
      <c r="J12" s="123">
        <v>53</v>
      </c>
      <c r="K12" s="94">
        <v>1042</v>
      </c>
      <c r="L12" s="132">
        <v>678</v>
      </c>
      <c r="M12" s="351">
        <v>1693</v>
      </c>
      <c r="N12" s="96">
        <v>457</v>
      </c>
      <c r="O12" s="103">
        <v>0</v>
      </c>
      <c r="P12" s="106">
        <v>95.5</v>
      </c>
      <c r="T12" s="218"/>
      <c r="U12" s="218"/>
      <c r="V12" s="218"/>
    </row>
    <row r="13" spans="1:22" s="219" customFormat="1" ht="17.25" customHeight="1">
      <c r="B13" s="348"/>
      <c r="C13" s="373" t="s">
        <v>28</v>
      </c>
      <c r="D13" s="350"/>
      <c r="E13" s="32"/>
      <c r="F13" s="91">
        <v>1190</v>
      </c>
      <c r="G13" s="91">
        <v>1478</v>
      </c>
      <c r="H13" s="91">
        <v>987</v>
      </c>
      <c r="I13" s="105">
        <v>491</v>
      </c>
      <c r="J13" s="123">
        <v>49</v>
      </c>
      <c r="K13" s="94">
        <v>880</v>
      </c>
      <c r="L13" s="132">
        <v>549</v>
      </c>
      <c r="M13" s="351">
        <v>2167</v>
      </c>
      <c r="N13" s="96">
        <v>1028</v>
      </c>
      <c r="O13" s="103">
        <v>0</v>
      </c>
      <c r="P13" s="106">
        <v>146.6</v>
      </c>
      <c r="T13" s="218"/>
      <c r="U13" s="218"/>
      <c r="V13" s="218"/>
    </row>
    <row r="14" spans="1:22" s="219" customFormat="1" ht="17.25" customHeight="1">
      <c r="B14" s="348" t="s">
        <v>737</v>
      </c>
      <c r="C14" s="373" t="s">
        <v>26</v>
      </c>
      <c r="D14" s="350"/>
      <c r="E14" s="32"/>
      <c r="F14" s="91">
        <v>3460</v>
      </c>
      <c r="G14" s="91">
        <v>3798</v>
      </c>
      <c r="H14" s="91">
        <v>3396</v>
      </c>
      <c r="I14" s="105">
        <v>402</v>
      </c>
      <c r="J14" s="123">
        <v>17</v>
      </c>
      <c r="K14" s="94">
        <v>2708</v>
      </c>
      <c r="L14" s="132">
        <v>966</v>
      </c>
      <c r="M14" s="351">
        <v>3746</v>
      </c>
      <c r="N14" s="96">
        <v>831</v>
      </c>
      <c r="O14" s="103">
        <v>0</v>
      </c>
      <c r="P14" s="106">
        <v>101.5</v>
      </c>
      <c r="T14" s="218"/>
      <c r="U14" s="218"/>
      <c r="V14" s="218"/>
    </row>
    <row r="15" spans="1:22" s="219" customFormat="1" ht="17.25" customHeight="1">
      <c r="B15" s="348"/>
      <c r="C15" s="373" t="s">
        <v>27</v>
      </c>
      <c r="D15" s="350"/>
      <c r="E15" s="32"/>
      <c r="F15" s="91">
        <v>532</v>
      </c>
      <c r="G15" s="91">
        <v>637</v>
      </c>
      <c r="H15" s="91">
        <v>513</v>
      </c>
      <c r="I15" s="105">
        <v>124</v>
      </c>
      <c r="J15" s="123">
        <v>7</v>
      </c>
      <c r="K15" s="94">
        <v>274</v>
      </c>
      <c r="L15" s="132">
        <v>356</v>
      </c>
      <c r="M15" s="351">
        <v>747</v>
      </c>
      <c r="N15" s="96">
        <v>222</v>
      </c>
      <c r="O15" s="103">
        <v>0</v>
      </c>
      <c r="P15" s="106">
        <v>117.3</v>
      </c>
      <c r="T15" s="218"/>
      <c r="U15" s="218"/>
      <c r="V15" s="218"/>
    </row>
    <row r="16" spans="1:22" s="219" customFormat="1" ht="17.25" customHeight="1">
      <c r="B16" s="348" t="s">
        <v>738</v>
      </c>
      <c r="C16" s="373" t="s">
        <v>26</v>
      </c>
      <c r="D16" s="350"/>
      <c r="E16" s="32"/>
      <c r="F16" s="91">
        <v>5993</v>
      </c>
      <c r="G16" s="91">
        <v>6710</v>
      </c>
      <c r="H16" s="91">
        <v>6208</v>
      </c>
      <c r="I16" s="105">
        <v>502</v>
      </c>
      <c r="J16" s="123">
        <v>49</v>
      </c>
      <c r="K16" s="94">
        <v>4615</v>
      </c>
      <c r="L16" s="132">
        <v>1841</v>
      </c>
      <c r="M16" s="351">
        <v>6244</v>
      </c>
      <c r="N16" s="96">
        <v>1236</v>
      </c>
      <c r="O16" s="96">
        <v>72</v>
      </c>
      <c r="P16" s="106">
        <v>96</v>
      </c>
      <c r="T16" s="218"/>
      <c r="U16" s="218"/>
      <c r="V16" s="218"/>
    </row>
    <row r="17" spans="2:22" s="219" customFormat="1" ht="17.25" customHeight="1">
      <c r="B17" s="348"/>
      <c r="C17" s="373" t="s">
        <v>27</v>
      </c>
      <c r="D17" s="350"/>
      <c r="E17" s="32"/>
      <c r="F17" s="91">
        <v>5497</v>
      </c>
      <c r="G17" s="91">
        <v>5598</v>
      </c>
      <c r="H17" s="91">
        <v>5401</v>
      </c>
      <c r="I17" s="105">
        <v>197</v>
      </c>
      <c r="J17" s="123">
        <v>14</v>
      </c>
      <c r="K17" s="94">
        <v>3460</v>
      </c>
      <c r="L17" s="132">
        <v>1624</v>
      </c>
      <c r="M17" s="351">
        <v>5057</v>
      </c>
      <c r="N17" s="96">
        <v>1145</v>
      </c>
      <c r="O17" s="103">
        <v>0</v>
      </c>
      <c r="P17" s="106">
        <v>99.2</v>
      </c>
      <c r="T17" s="218"/>
      <c r="U17" s="218"/>
      <c r="V17" s="218"/>
    </row>
    <row r="18" spans="2:22" s="219" customFormat="1" ht="17.25" customHeight="1">
      <c r="B18" s="348"/>
      <c r="C18" s="373" t="s">
        <v>28</v>
      </c>
      <c r="D18" s="350"/>
      <c r="E18" s="32"/>
      <c r="F18" s="91">
        <v>1983</v>
      </c>
      <c r="G18" s="91">
        <v>2177</v>
      </c>
      <c r="H18" s="91">
        <v>1864</v>
      </c>
      <c r="I18" s="105">
        <v>313</v>
      </c>
      <c r="J18" s="123">
        <v>10</v>
      </c>
      <c r="K18" s="94">
        <v>1251</v>
      </c>
      <c r="L18" s="132">
        <v>793</v>
      </c>
      <c r="M18" s="351">
        <v>1971</v>
      </c>
      <c r="N18" s="96">
        <v>369</v>
      </c>
      <c r="O18" s="103">
        <v>0</v>
      </c>
      <c r="P18" s="106">
        <v>96</v>
      </c>
      <c r="T18" s="218"/>
      <c r="U18" s="218"/>
      <c r="V18" s="218"/>
    </row>
    <row r="19" spans="2:22" s="219" customFormat="1" ht="17.25" customHeight="1">
      <c r="B19" s="348" t="s">
        <v>739</v>
      </c>
      <c r="C19" s="373" t="s">
        <v>26</v>
      </c>
      <c r="D19" s="350"/>
      <c r="E19" s="32"/>
      <c r="F19" s="91">
        <v>1629</v>
      </c>
      <c r="G19" s="91">
        <v>1920</v>
      </c>
      <c r="H19" s="91">
        <v>1483</v>
      </c>
      <c r="I19" s="105">
        <v>437</v>
      </c>
      <c r="J19" s="123">
        <v>66</v>
      </c>
      <c r="K19" s="94">
        <v>1373</v>
      </c>
      <c r="L19" s="132">
        <v>444</v>
      </c>
      <c r="M19" s="351">
        <v>2016</v>
      </c>
      <c r="N19" s="96">
        <v>366</v>
      </c>
      <c r="O19" s="96">
        <v>171</v>
      </c>
      <c r="P19" s="106">
        <v>107.1</v>
      </c>
      <c r="T19" s="218"/>
      <c r="U19" s="218"/>
      <c r="V19" s="218"/>
    </row>
    <row r="20" spans="2:22" s="219" customFormat="1" ht="17.25" customHeight="1">
      <c r="B20" s="348"/>
      <c r="C20" s="373" t="s">
        <v>27</v>
      </c>
      <c r="D20" s="350"/>
      <c r="E20" s="32"/>
      <c r="F20" s="91">
        <v>1754</v>
      </c>
      <c r="G20" s="91">
        <v>2405</v>
      </c>
      <c r="H20" s="91">
        <v>1600</v>
      </c>
      <c r="I20" s="105">
        <v>805</v>
      </c>
      <c r="J20" s="123">
        <v>95</v>
      </c>
      <c r="K20" s="94">
        <v>1519</v>
      </c>
      <c r="L20" s="132">
        <v>757</v>
      </c>
      <c r="M20" s="351">
        <v>2616</v>
      </c>
      <c r="N20" s="96">
        <v>1001</v>
      </c>
      <c r="O20" s="96">
        <v>120</v>
      </c>
      <c r="P20" s="106">
        <v>110.3</v>
      </c>
      <c r="T20" s="218"/>
      <c r="U20" s="218"/>
      <c r="V20" s="218"/>
    </row>
    <row r="21" spans="2:22" s="219" customFormat="1" ht="17.25" customHeight="1">
      <c r="B21" s="348" t="s">
        <v>740</v>
      </c>
      <c r="C21" s="373" t="s">
        <v>26</v>
      </c>
      <c r="D21" s="350"/>
      <c r="E21" s="32"/>
      <c r="F21" s="91">
        <v>742</v>
      </c>
      <c r="G21" s="91">
        <v>1228</v>
      </c>
      <c r="H21" s="91">
        <v>666</v>
      </c>
      <c r="I21" s="105">
        <v>562</v>
      </c>
      <c r="J21" s="123">
        <v>75</v>
      </c>
      <c r="K21" s="94">
        <v>693</v>
      </c>
      <c r="L21" s="132">
        <v>419</v>
      </c>
      <c r="M21" s="351">
        <v>2433</v>
      </c>
      <c r="N21" s="96">
        <v>1772</v>
      </c>
      <c r="O21" s="103">
        <v>0</v>
      </c>
      <c r="P21" s="106">
        <v>205</v>
      </c>
      <c r="T21" s="218"/>
      <c r="U21" s="218"/>
      <c r="V21" s="218"/>
    </row>
    <row r="22" spans="2:22" s="219" customFormat="1" ht="17.25" customHeight="1">
      <c r="B22" s="348"/>
      <c r="C22" s="373" t="s">
        <v>27</v>
      </c>
      <c r="D22" s="350"/>
      <c r="E22" s="32"/>
      <c r="F22" s="91">
        <v>558</v>
      </c>
      <c r="G22" s="91">
        <v>1153</v>
      </c>
      <c r="H22" s="91">
        <v>576</v>
      </c>
      <c r="I22" s="105">
        <v>577</v>
      </c>
      <c r="J22" s="123">
        <v>141</v>
      </c>
      <c r="K22" s="94">
        <v>790</v>
      </c>
      <c r="L22" s="132">
        <v>222</v>
      </c>
      <c r="M22" s="351">
        <v>1003</v>
      </c>
      <c r="N22" s="96">
        <v>410</v>
      </c>
      <c r="O22" s="103">
        <v>0</v>
      </c>
      <c r="P22" s="106">
        <v>87</v>
      </c>
      <c r="T22" s="218"/>
      <c r="U22" s="218"/>
      <c r="V22" s="218"/>
    </row>
    <row r="23" spans="2:22" s="219" customFormat="1" ht="17.25" customHeight="1">
      <c r="B23" s="348" t="s">
        <v>741</v>
      </c>
      <c r="C23" s="373" t="s">
        <v>26</v>
      </c>
      <c r="D23" s="350"/>
      <c r="E23" s="32"/>
      <c r="F23" s="91">
        <v>359</v>
      </c>
      <c r="G23" s="91">
        <v>565</v>
      </c>
      <c r="H23" s="91">
        <v>389</v>
      </c>
      <c r="I23" s="105">
        <v>176</v>
      </c>
      <c r="J23" s="123">
        <v>20</v>
      </c>
      <c r="K23" s="94">
        <v>391</v>
      </c>
      <c r="L23" s="132">
        <v>150</v>
      </c>
      <c r="M23" s="351">
        <v>517</v>
      </c>
      <c r="N23" s="96">
        <v>185</v>
      </c>
      <c r="O23" s="103">
        <v>0</v>
      </c>
      <c r="P23" s="106">
        <v>92.2</v>
      </c>
      <c r="T23" s="218"/>
      <c r="U23" s="218"/>
      <c r="V23" s="218"/>
    </row>
    <row r="24" spans="2:22" s="219" customFormat="1" ht="17.25" customHeight="1">
      <c r="B24" s="348"/>
      <c r="C24" s="373" t="s">
        <v>27</v>
      </c>
      <c r="D24" s="350"/>
      <c r="E24" s="32"/>
      <c r="F24" s="91">
        <v>424</v>
      </c>
      <c r="G24" s="91">
        <v>617</v>
      </c>
      <c r="H24" s="91">
        <v>423</v>
      </c>
      <c r="I24" s="105">
        <v>194</v>
      </c>
      <c r="J24" s="123">
        <v>15</v>
      </c>
      <c r="K24" s="94">
        <v>285</v>
      </c>
      <c r="L24" s="132">
        <v>314</v>
      </c>
      <c r="M24" s="351">
        <v>702</v>
      </c>
      <c r="N24" s="96">
        <v>260</v>
      </c>
      <c r="O24" s="103">
        <v>0</v>
      </c>
      <c r="P24" s="106">
        <v>114.3</v>
      </c>
      <c r="T24" s="218"/>
      <c r="U24" s="218"/>
      <c r="V24" s="218"/>
    </row>
    <row r="25" spans="2:22" s="219" customFormat="1" ht="17.25" customHeight="1">
      <c r="B25" s="348" t="s">
        <v>742</v>
      </c>
      <c r="C25" s="373" t="s">
        <v>26</v>
      </c>
      <c r="D25" s="350"/>
      <c r="E25" s="32"/>
      <c r="F25" s="91">
        <v>1045</v>
      </c>
      <c r="G25" s="91">
        <v>1950</v>
      </c>
      <c r="H25" s="91">
        <v>976</v>
      </c>
      <c r="I25" s="105">
        <v>974</v>
      </c>
      <c r="J25" s="123">
        <v>131</v>
      </c>
      <c r="K25" s="94">
        <v>1023</v>
      </c>
      <c r="L25" s="132">
        <v>727</v>
      </c>
      <c r="M25" s="351">
        <v>1253</v>
      </c>
      <c r="N25" s="96">
        <v>188</v>
      </c>
      <c r="O25" s="103">
        <v>0</v>
      </c>
      <c r="P25" s="106">
        <v>66.599999999999994</v>
      </c>
      <c r="T25" s="218"/>
      <c r="U25" s="218"/>
      <c r="V25" s="218"/>
    </row>
    <row r="26" spans="2:22" s="219" customFormat="1" ht="17.25" customHeight="1">
      <c r="B26" s="348"/>
      <c r="C26" s="373" t="s">
        <v>27</v>
      </c>
      <c r="D26" s="350"/>
      <c r="E26" s="32"/>
      <c r="F26" s="91">
        <v>1177</v>
      </c>
      <c r="G26" s="91">
        <v>2075</v>
      </c>
      <c r="H26" s="91">
        <v>1164</v>
      </c>
      <c r="I26" s="105">
        <v>911</v>
      </c>
      <c r="J26" s="123">
        <v>160</v>
      </c>
      <c r="K26" s="94">
        <v>1066</v>
      </c>
      <c r="L26" s="132">
        <v>803</v>
      </c>
      <c r="M26" s="351">
        <v>1568</v>
      </c>
      <c r="N26" s="96">
        <v>361</v>
      </c>
      <c r="O26" s="103">
        <v>0</v>
      </c>
      <c r="P26" s="106">
        <v>77.3</v>
      </c>
      <c r="T26" s="218"/>
      <c r="U26" s="218"/>
      <c r="V26" s="218"/>
    </row>
    <row r="27" spans="2:22" s="219" customFormat="1" ht="17.25" customHeight="1">
      <c r="B27" s="348" t="s">
        <v>743</v>
      </c>
      <c r="C27" s="373" t="s">
        <v>26</v>
      </c>
      <c r="D27" s="350"/>
      <c r="E27" s="32"/>
      <c r="F27" s="91">
        <v>1715</v>
      </c>
      <c r="G27" s="91">
        <v>3753</v>
      </c>
      <c r="H27" s="91">
        <v>2239</v>
      </c>
      <c r="I27" s="105">
        <v>1514</v>
      </c>
      <c r="J27" s="123">
        <v>241</v>
      </c>
      <c r="K27" s="94">
        <v>2218</v>
      </c>
      <c r="L27" s="132">
        <v>1257</v>
      </c>
      <c r="M27" s="351">
        <v>3443</v>
      </c>
      <c r="N27" s="96">
        <v>941</v>
      </c>
      <c r="O27" s="96">
        <v>133</v>
      </c>
      <c r="P27" s="106">
        <v>92.7</v>
      </c>
      <c r="T27" s="218"/>
      <c r="U27" s="218"/>
      <c r="V27" s="218"/>
    </row>
    <row r="28" spans="2:22" s="219" customFormat="1" ht="17.25" customHeight="1">
      <c r="B28" s="348"/>
      <c r="C28" s="373" t="s">
        <v>27</v>
      </c>
      <c r="D28" s="350"/>
      <c r="E28" s="32"/>
      <c r="F28" s="91">
        <v>1267</v>
      </c>
      <c r="G28" s="91">
        <v>2156</v>
      </c>
      <c r="H28" s="91">
        <v>1127</v>
      </c>
      <c r="I28" s="105">
        <v>1029</v>
      </c>
      <c r="J28" s="123">
        <v>114</v>
      </c>
      <c r="K28" s="94">
        <v>1264</v>
      </c>
      <c r="L28" s="132">
        <v>772</v>
      </c>
      <c r="M28" s="351">
        <v>1686</v>
      </c>
      <c r="N28" s="96">
        <v>432</v>
      </c>
      <c r="O28" s="103">
        <v>0</v>
      </c>
      <c r="P28" s="106">
        <v>78.400000000000006</v>
      </c>
      <c r="T28" s="218"/>
      <c r="U28" s="218"/>
      <c r="V28" s="218"/>
    </row>
    <row r="29" spans="2:22" s="219" customFormat="1" ht="17.25" customHeight="1">
      <c r="B29" s="348"/>
      <c r="C29" s="373" t="s">
        <v>28</v>
      </c>
      <c r="D29" s="350"/>
      <c r="E29" s="32"/>
      <c r="F29" s="91">
        <v>1561</v>
      </c>
      <c r="G29" s="91">
        <v>2415</v>
      </c>
      <c r="H29" s="91">
        <v>1295</v>
      </c>
      <c r="I29" s="105">
        <v>1120</v>
      </c>
      <c r="J29" s="123">
        <v>126</v>
      </c>
      <c r="K29" s="94">
        <v>1479</v>
      </c>
      <c r="L29" s="132">
        <v>755</v>
      </c>
      <c r="M29" s="351">
        <v>2207</v>
      </c>
      <c r="N29" s="96">
        <v>789</v>
      </c>
      <c r="O29" s="96">
        <v>76</v>
      </c>
      <c r="P29" s="106">
        <v>93.5</v>
      </c>
      <c r="T29" s="218"/>
      <c r="U29" s="218"/>
      <c r="V29" s="218"/>
    </row>
    <row r="30" spans="2:22" s="219" customFormat="1" ht="17.25" customHeight="1">
      <c r="B30" s="348" t="s">
        <v>744</v>
      </c>
      <c r="C30" s="373" t="s">
        <v>26</v>
      </c>
      <c r="D30" s="350"/>
      <c r="E30" s="32"/>
      <c r="F30" s="91">
        <v>938</v>
      </c>
      <c r="G30" s="91">
        <v>1790</v>
      </c>
      <c r="H30" s="91">
        <v>920</v>
      </c>
      <c r="I30" s="105">
        <v>870</v>
      </c>
      <c r="J30" s="123">
        <v>193</v>
      </c>
      <c r="K30" s="94">
        <v>1065</v>
      </c>
      <c r="L30" s="132">
        <v>503</v>
      </c>
      <c r="M30" s="351">
        <v>1492</v>
      </c>
      <c r="N30" s="96">
        <v>274</v>
      </c>
      <c r="O30" s="96">
        <v>266</v>
      </c>
      <c r="P30" s="106">
        <v>84.7</v>
      </c>
      <c r="T30" s="218"/>
      <c r="U30" s="218"/>
      <c r="V30" s="218"/>
    </row>
    <row r="31" spans="2:22" s="219" customFormat="1" ht="17.25" customHeight="1">
      <c r="B31" s="348"/>
      <c r="C31" s="373" t="s">
        <v>27</v>
      </c>
      <c r="D31" s="350"/>
      <c r="E31" s="32"/>
      <c r="F31" s="91">
        <v>656</v>
      </c>
      <c r="G31" s="91">
        <v>1173</v>
      </c>
      <c r="H31" s="91">
        <v>617</v>
      </c>
      <c r="I31" s="105">
        <v>556</v>
      </c>
      <c r="J31" s="123">
        <v>93</v>
      </c>
      <c r="K31" s="94">
        <v>707</v>
      </c>
      <c r="L31" s="132">
        <v>370</v>
      </c>
      <c r="M31" s="351">
        <v>765</v>
      </c>
      <c r="N31" s="96">
        <v>100</v>
      </c>
      <c r="O31" s="103">
        <v>0</v>
      </c>
      <c r="P31" s="106">
        <v>65.400000000000006</v>
      </c>
      <c r="T31" s="218"/>
      <c r="U31" s="218"/>
      <c r="V31" s="218"/>
    </row>
    <row r="32" spans="2:22" s="219" customFormat="1" ht="17.25" customHeight="1">
      <c r="B32" s="348" t="s">
        <v>745</v>
      </c>
      <c r="C32" s="373" t="s">
        <v>26</v>
      </c>
      <c r="D32" s="350"/>
      <c r="E32" s="32"/>
      <c r="F32" s="91">
        <v>625</v>
      </c>
      <c r="G32" s="91">
        <v>1288</v>
      </c>
      <c r="H32" s="91">
        <v>626</v>
      </c>
      <c r="I32" s="105">
        <v>662</v>
      </c>
      <c r="J32" s="123">
        <v>106</v>
      </c>
      <c r="K32" s="94">
        <v>815</v>
      </c>
      <c r="L32" s="132">
        <v>351</v>
      </c>
      <c r="M32" s="351">
        <v>921</v>
      </c>
      <c r="N32" s="96">
        <v>324</v>
      </c>
      <c r="O32" s="103">
        <v>0</v>
      </c>
      <c r="P32" s="106">
        <v>72.400000000000006</v>
      </c>
      <c r="T32" s="218"/>
      <c r="U32" s="218"/>
      <c r="V32" s="218"/>
    </row>
    <row r="33" spans="2:22" s="219" customFormat="1" ht="17.25" customHeight="1">
      <c r="B33" s="348"/>
      <c r="C33" s="373" t="s">
        <v>27</v>
      </c>
      <c r="D33" s="350"/>
      <c r="E33" s="32"/>
      <c r="F33" s="91">
        <v>317</v>
      </c>
      <c r="G33" s="91">
        <v>769</v>
      </c>
      <c r="H33" s="91">
        <v>358</v>
      </c>
      <c r="I33" s="105">
        <v>411</v>
      </c>
      <c r="J33" s="123">
        <v>116</v>
      </c>
      <c r="K33" s="94">
        <v>483</v>
      </c>
      <c r="L33" s="132">
        <v>162</v>
      </c>
      <c r="M33" s="351">
        <v>523</v>
      </c>
      <c r="N33" s="103">
        <v>189</v>
      </c>
      <c r="O33" s="103">
        <v>0</v>
      </c>
      <c r="P33" s="236">
        <v>68.7</v>
      </c>
      <c r="T33" s="218"/>
      <c r="U33" s="218"/>
      <c r="V33" s="218"/>
    </row>
    <row r="34" spans="2:22" s="219" customFormat="1" ht="17.25" customHeight="1">
      <c r="B34" s="348" t="s">
        <v>746</v>
      </c>
      <c r="C34" s="373" t="s">
        <v>26</v>
      </c>
      <c r="D34" s="350"/>
      <c r="E34" s="32"/>
      <c r="F34" s="91">
        <v>210</v>
      </c>
      <c r="G34" s="91">
        <v>309</v>
      </c>
      <c r="H34" s="91">
        <v>156</v>
      </c>
      <c r="I34" s="105">
        <v>153</v>
      </c>
      <c r="J34" s="123">
        <v>19</v>
      </c>
      <c r="K34" s="94">
        <v>210</v>
      </c>
      <c r="L34" s="132">
        <v>68</v>
      </c>
      <c r="M34" s="351">
        <v>1922</v>
      </c>
      <c r="N34" s="96">
        <v>1716</v>
      </c>
      <c r="O34" s="103">
        <v>0</v>
      </c>
      <c r="P34" s="106">
        <v>647.1</v>
      </c>
      <c r="T34" s="218"/>
      <c r="U34" s="218"/>
      <c r="V34" s="218"/>
    </row>
    <row r="35" spans="2:22" s="219" customFormat="1" ht="17.25" customHeight="1">
      <c r="B35" s="348"/>
      <c r="C35" s="373" t="s">
        <v>27</v>
      </c>
      <c r="D35" s="350"/>
      <c r="E35" s="32"/>
      <c r="F35" s="91">
        <v>912</v>
      </c>
      <c r="G35" s="91">
        <v>1351</v>
      </c>
      <c r="H35" s="91">
        <v>763</v>
      </c>
      <c r="I35" s="105">
        <v>588</v>
      </c>
      <c r="J35" s="123">
        <v>74</v>
      </c>
      <c r="K35" s="94">
        <v>904</v>
      </c>
      <c r="L35" s="132">
        <v>373</v>
      </c>
      <c r="M35" s="351">
        <v>1477</v>
      </c>
      <c r="N35" s="96">
        <v>553</v>
      </c>
      <c r="O35" s="103">
        <v>0</v>
      </c>
      <c r="P35" s="106">
        <v>109.3</v>
      </c>
      <c r="T35" s="218"/>
      <c r="U35" s="218"/>
      <c r="V35" s="218"/>
    </row>
    <row r="36" spans="2:22" s="219" customFormat="1" ht="17.25" customHeight="1">
      <c r="B36" s="348"/>
      <c r="C36" s="373" t="s">
        <v>28</v>
      </c>
      <c r="D36" s="350"/>
      <c r="E36" s="32"/>
      <c r="F36" s="91">
        <v>888</v>
      </c>
      <c r="G36" s="91">
        <v>1529</v>
      </c>
      <c r="H36" s="91">
        <v>772</v>
      </c>
      <c r="I36" s="105">
        <v>757</v>
      </c>
      <c r="J36" s="123">
        <v>119</v>
      </c>
      <c r="K36" s="94">
        <v>1045</v>
      </c>
      <c r="L36" s="132">
        <v>343</v>
      </c>
      <c r="M36" s="351">
        <v>1328</v>
      </c>
      <c r="N36" s="96">
        <v>550</v>
      </c>
      <c r="O36" s="103">
        <v>0</v>
      </c>
      <c r="P36" s="106">
        <v>88.1</v>
      </c>
      <c r="T36" s="218"/>
      <c r="U36" s="218"/>
      <c r="V36" s="218"/>
    </row>
    <row r="37" spans="2:22" s="219" customFormat="1" ht="17.25" customHeight="1">
      <c r="B37" s="348" t="s">
        <v>747</v>
      </c>
      <c r="C37" s="373" t="s">
        <v>26</v>
      </c>
      <c r="D37" s="350"/>
      <c r="E37" s="32"/>
      <c r="F37" s="91">
        <v>1754</v>
      </c>
      <c r="G37" s="91">
        <v>2704</v>
      </c>
      <c r="H37" s="91">
        <v>1492</v>
      </c>
      <c r="I37" s="105">
        <v>1212</v>
      </c>
      <c r="J37" s="123">
        <v>181</v>
      </c>
      <c r="K37" s="94">
        <v>1838</v>
      </c>
      <c r="L37" s="132">
        <v>639</v>
      </c>
      <c r="M37" s="351">
        <v>2339</v>
      </c>
      <c r="N37" s="96">
        <v>750</v>
      </c>
      <c r="O37" s="103">
        <v>0</v>
      </c>
      <c r="P37" s="106">
        <v>88</v>
      </c>
      <c r="T37" s="218"/>
      <c r="U37" s="218"/>
      <c r="V37" s="218"/>
    </row>
    <row r="38" spans="2:22" s="219" customFormat="1" ht="17.25" customHeight="1">
      <c r="B38" s="348"/>
      <c r="C38" s="373" t="s">
        <v>27</v>
      </c>
      <c r="D38" s="350"/>
      <c r="E38" s="32"/>
      <c r="F38" s="91">
        <v>746</v>
      </c>
      <c r="G38" s="91">
        <v>1387</v>
      </c>
      <c r="H38" s="91">
        <v>703</v>
      </c>
      <c r="I38" s="105">
        <v>684</v>
      </c>
      <c r="J38" s="123">
        <v>131</v>
      </c>
      <c r="K38" s="94">
        <v>919</v>
      </c>
      <c r="L38" s="132">
        <v>329</v>
      </c>
      <c r="M38" s="351">
        <v>1117</v>
      </c>
      <c r="N38" s="96">
        <v>388</v>
      </c>
      <c r="O38" s="103">
        <v>0</v>
      </c>
      <c r="P38" s="106">
        <v>81</v>
      </c>
      <c r="T38" s="218"/>
      <c r="U38" s="218"/>
      <c r="V38" s="218"/>
    </row>
    <row r="39" spans="2:22" s="219" customFormat="1" ht="17.25" customHeight="1">
      <c r="B39" s="348" t="s">
        <v>748</v>
      </c>
      <c r="C39" s="373" t="s">
        <v>26</v>
      </c>
      <c r="D39" s="350"/>
      <c r="E39" s="32"/>
      <c r="F39" s="91">
        <v>774</v>
      </c>
      <c r="G39" s="91">
        <v>1510</v>
      </c>
      <c r="H39" s="91">
        <v>732</v>
      </c>
      <c r="I39" s="105">
        <v>778</v>
      </c>
      <c r="J39" s="123">
        <v>156</v>
      </c>
      <c r="K39" s="94">
        <v>955</v>
      </c>
      <c r="L39" s="132">
        <v>399</v>
      </c>
      <c r="M39" s="351">
        <v>1176</v>
      </c>
      <c r="N39" s="96">
        <v>344</v>
      </c>
      <c r="O39" s="103">
        <v>0</v>
      </c>
      <c r="P39" s="106">
        <v>77.900000000000006</v>
      </c>
      <c r="T39" s="218"/>
      <c r="U39" s="218"/>
      <c r="V39" s="218"/>
    </row>
    <row r="40" spans="2:22" s="219" customFormat="1" ht="17.25" customHeight="1">
      <c r="B40" s="348"/>
      <c r="C40" s="373" t="s">
        <v>27</v>
      </c>
      <c r="D40" s="350"/>
      <c r="E40" s="32"/>
      <c r="F40" s="91">
        <v>996</v>
      </c>
      <c r="G40" s="91">
        <v>1900</v>
      </c>
      <c r="H40" s="91">
        <v>914</v>
      </c>
      <c r="I40" s="105">
        <v>986</v>
      </c>
      <c r="J40" s="123">
        <v>183</v>
      </c>
      <c r="K40" s="94">
        <v>1235</v>
      </c>
      <c r="L40" s="132">
        <v>480</v>
      </c>
      <c r="M40" s="351">
        <v>1418</v>
      </c>
      <c r="N40" s="96">
        <v>428</v>
      </c>
      <c r="O40" s="103">
        <v>0</v>
      </c>
      <c r="P40" s="106">
        <v>74.7</v>
      </c>
      <c r="T40" s="218"/>
      <c r="U40" s="218"/>
      <c r="V40" s="218"/>
    </row>
    <row r="41" spans="2:22" s="219" customFormat="1" ht="17.25" customHeight="1">
      <c r="B41" s="348" t="s">
        <v>749</v>
      </c>
      <c r="C41" s="373" t="s">
        <v>26</v>
      </c>
      <c r="D41" s="350"/>
      <c r="E41" s="32"/>
      <c r="F41" s="91">
        <v>915</v>
      </c>
      <c r="G41" s="91">
        <v>1812</v>
      </c>
      <c r="H41" s="91">
        <v>892</v>
      </c>
      <c r="I41" s="105">
        <v>920</v>
      </c>
      <c r="J41" s="123">
        <v>183</v>
      </c>
      <c r="K41" s="94">
        <v>1167</v>
      </c>
      <c r="L41" s="132">
        <v>462</v>
      </c>
      <c r="M41" s="242">
        <v>1487</v>
      </c>
      <c r="N41" s="96">
        <v>628</v>
      </c>
      <c r="O41" s="103">
        <v>0</v>
      </c>
      <c r="P41" s="106">
        <v>82.1</v>
      </c>
      <c r="T41" s="218"/>
      <c r="U41" s="218"/>
      <c r="V41" s="218"/>
    </row>
    <row r="42" spans="2:22" s="219" customFormat="1" ht="17.25" customHeight="1">
      <c r="B42" s="348"/>
      <c r="C42" s="373" t="s">
        <v>27</v>
      </c>
      <c r="D42" s="350"/>
      <c r="E42" s="32"/>
      <c r="F42" s="91">
        <v>841</v>
      </c>
      <c r="G42" s="91">
        <v>1505</v>
      </c>
      <c r="H42" s="91">
        <v>718</v>
      </c>
      <c r="I42" s="105">
        <v>787</v>
      </c>
      <c r="J42" s="123">
        <v>136</v>
      </c>
      <c r="K42" s="94">
        <v>1013</v>
      </c>
      <c r="L42" s="132">
        <v>356</v>
      </c>
      <c r="M42" s="242">
        <v>1802</v>
      </c>
      <c r="N42" s="96">
        <v>738</v>
      </c>
      <c r="O42" s="96">
        <v>285</v>
      </c>
      <c r="P42" s="106">
        <v>119.7</v>
      </c>
      <c r="T42" s="218"/>
      <c r="U42" s="218"/>
      <c r="V42" s="218"/>
    </row>
    <row r="43" spans="2:22" s="219" customFormat="1" ht="16.5" customHeight="1">
      <c r="B43" s="348" t="s">
        <v>750</v>
      </c>
      <c r="C43" s="373" t="s">
        <v>26</v>
      </c>
      <c r="D43" s="350"/>
      <c r="E43" s="32"/>
      <c r="F43" s="91">
        <v>1254</v>
      </c>
      <c r="G43" s="91">
        <v>1985</v>
      </c>
      <c r="H43" s="91">
        <v>1045</v>
      </c>
      <c r="I43" s="105">
        <v>940</v>
      </c>
      <c r="J43" s="123">
        <v>147</v>
      </c>
      <c r="K43" s="94">
        <v>1402</v>
      </c>
      <c r="L43" s="132">
        <v>433</v>
      </c>
      <c r="M43" s="351">
        <v>2175</v>
      </c>
      <c r="N43" s="96">
        <v>762</v>
      </c>
      <c r="O43" s="96">
        <v>346</v>
      </c>
      <c r="P43" s="106">
        <v>109.7</v>
      </c>
      <c r="T43" s="218"/>
      <c r="U43" s="218"/>
      <c r="V43" s="218"/>
    </row>
    <row r="44" spans="2:22" s="219" customFormat="1" ht="16.5" customHeight="1">
      <c r="B44" s="348"/>
      <c r="C44" s="373" t="s">
        <v>27</v>
      </c>
      <c r="D44" s="350"/>
      <c r="E44" s="32"/>
      <c r="F44" s="91">
        <v>1575</v>
      </c>
      <c r="G44" s="91">
        <v>2749</v>
      </c>
      <c r="H44" s="91">
        <v>1463</v>
      </c>
      <c r="I44" s="105">
        <v>1286</v>
      </c>
      <c r="J44" s="123">
        <v>207</v>
      </c>
      <c r="K44" s="94">
        <v>1805</v>
      </c>
      <c r="L44" s="132">
        <v>736</v>
      </c>
      <c r="M44" s="351">
        <v>2952</v>
      </c>
      <c r="N44" s="96">
        <v>1406</v>
      </c>
      <c r="O44" s="103">
        <v>0</v>
      </c>
      <c r="P44" s="106">
        <v>107.4</v>
      </c>
      <c r="T44" s="218"/>
      <c r="U44" s="218"/>
      <c r="V44" s="218"/>
    </row>
    <row r="45" spans="2:22" s="219" customFormat="1" ht="16.5" customHeight="1">
      <c r="B45" s="348" t="s">
        <v>751</v>
      </c>
      <c r="C45" s="373" t="s">
        <v>26</v>
      </c>
      <c r="D45" s="350"/>
      <c r="E45" s="32"/>
      <c r="F45" s="91">
        <v>57</v>
      </c>
      <c r="G45" s="91">
        <v>119</v>
      </c>
      <c r="H45" s="91">
        <v>57</v>
      </c>
      <c r="I45" s="105">
        <v>62</v>
      </c>
      <c r="J45" s="123">
        <v>16</v>
      </c>
      <c r="K45" s="94">
        <v>64</v>
      </c>
      <c r="L45" s="132">
        <v>27</v>
      </c>
      <c r="M45" s="351">
        <v>114</v>
      </c>
      <c r="N45" s="96">
        <v>69</v>
      </c>
      <c r="O45" s="103">
        <v>0</v>
      </c>
      <c r="P45" s="106">
        <v>106.5</v>
      </c>
      <c r="T45" s="218"/>
      <c r="U45" s="218"/>
      <c r="V45" s="218"/>
    </row>
    <row r="46" spans="2:22" s="219" customFormat="1" ht="16.5" customHeight="1">
      <c r="B46" s="348"/>
      <c r="C46" s="373" t="s">
        <v>27</v>
      </c>
      <c r="D46" s="350"/>
      <c r="E46" s="32"/>
      <c r="F46" s="91">
        <v>40</v>
      </c>
      <c r="G46" s="91">
        <v>67</v>
      </c>
      <c r="H46" s="91">
        <v>31</v>
      </c>
      <c r="I46" s="105">
        <v>36</v>
      </c>
      <c r="J46" s="295" t="s">
        <v>192</v>
      </c>
      <c r="K46" s="94">
        <v>24</v>
      </c>
      <c r="L46" s="132">
        <v>23</v>
      </c>
      <c r="M46" s="351">
        <v>88</v>
      </c>
      <c r="N46" s="96">
        <v>64</v>
      </c>
      <c r="O46" s="103">
        <v>0</v>
      </c>
      <c r="P46" s="236">
        <v>187.2</v>
      </c>
      <c r="T46" s="218"/>
      <c r="U46" s="218"/>
      <c r="V46" s="218"/>
    </row>
    <row r="47" spans="2:22" s="219" customFormat="1" ht="16.5" customHeight="1">
      <c r="B47" s="348" t="s">
        <v>752</v>
      </c>
      <c r="C47" s="373" t="s">
        <v>26</v>
      </c>
      <c r="D47" s="350"/>
      <c r="E47" s="32"/>
      <c r="F47" s="91">
        <v>107</v>
      </c>
      <c r="G47" s="91">
        <v>144</v>
      </c>
      <c r="H47" s="91">
        <v>89</v>
      </c>
      <c r="I47" s="105">
        <v>55</v>
      </c>
      <c r="J47" s="123">
        <v>6</v>
      </c>
      <c r="K47" s="94">
        <v>106</v>
      </c>
      <c r="L47" s="132">
        <v>32</v>
      </c>
      <c r="M47" s="351">
        <v>327</v>
      </c>
      <c r="N47" s="96">
        <v>222</v>
      </c>
      <c r="O47" s="103">
        <v>0</v>
      </c>
      <c r="P47" s="106">
        <v>227.1</v>
      </c>
      <c r="T47" s="218"/>
      <c r="U47" s="218"/>
      <c r="V47" s="218"/>
    </row>
    <row r="48" spans="2:22" s="219" customFormat="1" ht="16.5" customHeight="1">
      <c r="B48" s="348"/>
      <c r="C48" s="373" t="s">
        <v>27</v>
      </c>
      <c r="D48" s="350"/>
      <c r="E48" s="32"/>
      <c r="F48" s="91">
        <v>344</v>
      </c>
      <c r="G48" s="91">
        <v>476</v>
      </c>
      <c r="H48" s="91">
        <v>284</v>
      </c>
      <c r="I48" s="105">
        <v>192</v>
      </c>
      <c r="J48" s="123">
        <v>22</v>
      </c>
      <c r="K48" s="94">
        <v>323</v>
      </c>
      <c r="L48" s="132">
        <v>119</v>
      </c>
      <c r="M48" s="351">
        <v>461</v>
      </c>
      <c r="N48" s="96">
        <v>134</v>
      </c>
      <c r="O48" s="103">
        <v>0</v>
      </c>
      <c r="P48" s="106">
        <v>99.4</v>
      </c>
      <c r="T48" s="218"/>
      <c r="U48" s="218"/>
      <c r="V48" s="218"/>
    </row>
    <row r="49" spans="2:22" s="219" customFormat="1" ht="16.5" customHeight="1">
      <c r="B49" s="348"/>
      <c r="C49" s="373" t="s">
        <v>28</v>
      </c>
      <c r="D49" s="350"/>
      <c r="E49" s="32"/>
      <c r="F49" s="91">
        <v>218</v>
      </c>
      <c r="G49" s="91">
        <v>450</v>
      </c>
      <c r="H49" s="91">
        <v>209</v>
      </c>
      <c r="I49" s="105">
        <v>241</v>
      </c>
      <c r="J49" s="123">
        <v>36</v>
      </c>
      <c r="K49" s="94">
        <v>271</v>
      </c>
      <c r="L49" s="132">
        <v>139</v>
      </c>
      <c r="M49" s="351">
        <v>328</v>
      </c>
      <c r="N49" s="96">
        <v>49</v>
      </c>
      <c r="O49" s="103">
        <v>0</v>
      </c>
      <c r="P49" s="236">
        <v>73.5</v>
      </c>
      <c r="T49" s="218"/>
      <c r="U49" s="218"/>
      <c r="V49" s="218"/>
    </row>
    <row r="50" spans="2:22" s="219" customFormat="1" ht="16.5" customHeight="1">
      <c r="B50" s="348" t="s">
        <v>753</v>
      </c>
      <c r="C50" s="373" t="s">
        <v>26</v>
      </c>
      <c r="D50" s="350"/>
      <c r="E50" s="32"/>
      <c r="F50" s="91">
        <v>76</v>
      </c>
      <c r="G50" s="91">
        <v>115</v>
      </c>
      <c r="H50" s="91">
        <v>65</v>
      </c>
      <c r="I50" s="105">
        <v>50</v>
      </c>
      <c r="J50" s="123">
        <v>4</v>
      </c>
      <c r="K50" s="94">
        <v>50</v>
      </c>
      <c r="L50" s="132">
        <v>61</v>
      </c>
      <c r="M50" s="351">
        <v>313</v>
      </c>
      <c r="N50" s="96">
        <v>227</v>
      </c>
      <c r="O50" s="103">
        <v>0</v>
      </c>
      <c r="P50" s="106">
        <v>272.2</v>
      </c>
      <c r="T50" s="218"/>
      <c r="U50" s="218"/>
      <c r="V50" s="218"/>
    </row>
    <row r="51" spans="2:22" s="219" customFormat="1" ht="15" customHeight="1">
      <c r="B51" s="357"/>
      <c r="C51" s="373" t="s">
        <v>27</v>
      </c>
      <c r="D51" s="358"/>
      <c r="E51" s="32"/>
      <c r="F51" s="91">
        <v>377</v>
      </c>
      <c r="G51" s="91">
        <v>789</v>
      </c>
      <c r="H51" s="91">
        <v>391</v>
      </c>
      <c r="I51" s="105">
        <v>398</v>
      </c>
      <c r="J51" s="123">
        <v>89</v>
      </c>
      <c r="K51" s="94">
        <v>453</v>
      </c>
      <c r="L51" s="132">
        <v>237</v>
      </c>
      <c r="M51" s="351">
        <v>621</v>
      </c>
      <c r="N51" s="96">
        <v>172</v>
      </c>
      <c r="O51" s="103">
        <v>0</v>
      </c>
      <c r="P51" s="106">
        <v>79.7</v>
      </c>
      <c r="T51" s="218"/>
      <c r="U51" s="218"/>
      <c r="V51" s="218"/>
    </row>
    <row r="52" spans="2:22" s="219" customFormat="1" ht="16.5" customHeight="1">
      <c r="B52" s="357" t="s">
        <v>754</v>
      </c>
      <c r="C52" s="373" t="s">
        <v>26</v>
      </c>
      <c r="D52" s="358"/>
      <c r="E52" s="32"/>
      <c r="F52" s="91">
        <v>256</v>
      </c>
      <c r="G52" s="91">
        <v>402</v>
      </c>
      <c r="H52" s="91">
        <v>245</v>
      </c>
      <c r="I52" s="105">
        <v>157</v>
      </c>
      <c r="J52" s="123">
        <v>37</v>
      </c>
      <c r="K52" s="94">
        <v>287</v>
      </c>
      <c r="L52" s="132">
        <v>78</v>
      </c>
      <c r="M52" s="351">
        <v>1673</v>
      </c>
      <c r="N52" s="96">
        <v>484</v>
      </c>
      <c r="O52" s="96">
        <v>916</v>
      </c>
      <c r="P52" s="106">
        <v>416.2</v>
      </c>
      <c r="Q52" s="44"/>
    </row>
    <row r="53" spans="2:22" s="219" customFormat="1" ht="16.5" customHeight="1">
      <c r="B53" s="357" t="s">
        <v>123</v>
      </c>
      <c r="C53" s="373" t="s">
        <v>27</v>
      </c>
      <c r="D53" s="358"/>
      <c r="E53" s="32"/>
      <c r="F53" s="91">
        <v>140</v>
      </c>
      <c r="G53" s="91">
        <v>332</v>
      </c>
      <c r="H53" s="91">
        <v>151</v>
      </c>
      <c r="I53" s="105">
        <v>181</v>
      </c>
      <c r="J53" s="123">
        <v>16</v>
      </c>
      <c r="K53" s="94">
        <v>144</v>
      </c>
      <c r="L53" s="132">
        <v>172</v>
      </c>
      <c r="M53" s="351">
        <v>488</v>
      </c>
      <c r="N53" s="96">
        <v>248</v>
      </c>
      <c r="O53" s="103">
        <v>0</v>
      </c>
      <c r="P53" s="106">
        <v>147</v>
      </c>
      <c r="Q53" s="44"/>
    </row>
    <row r="54" spans="2:22" s="219" customFormat="1" ht="16.5" customHeight="1">
      <c r="B54" s="352"/>
      <c r="C54" s="374" t="s">
        <v>28</v>
      </c>
      <c r="D54" s="354"/>
      <c r="E54" s="40"/>
      <c r="F54" s="115">
        <v>369</v>
      </c>
      <c r="G54" s="115">
        <v>806</v>
      </c>
      <c r="H54" s="115">
        <v>373</v>
      </c>
      <c r="I54" s="114">
        <v>433</v>
      </c>
      <c r="J54" s="127">
        <v>111</v>
      </c>
      <c r="K54" s="118">
        <v>437</v>
      </c>
      <c r="L54" s="276">
        <v>233</v>
      </c>
      <c r="M54" s="355">
        <v>613</v>
      </c>
      <c r="N54" s="120">
        <v>149</v>
      </c>
      <c r="O54" s="129">
        <v>0</v>
      </c>
      <c r="P54" s="122">
        <v>78.5</v>
      </c>
      <c r="Q54" s="44"/>
    </row>
    <row r="55" spans="2:22" s="219" customFormat="1" ht="16.5" customHeight="1">
      <c r="B55" s="348" t="s">
        <v>755</v>
      </c>
      <c r="C55" s="373" t="s">
        <v>26</v>
      </c>
      <c r="D55" s="350"/>
      <c r="E55" s="32"/>
      <c r="F55" s="91">
        <v>758</v>
      </c>
      <c r="G55" s="91">
        <v>1643</v>
      </c>
      <c r="H55" s="91">
        <v>889</v>
      </c>
      <c r="I55" s="105">
        <v>754</v>
      </c>
      <c r="J55" s="123">
        <v>163</v>
      </c>
      <c r="K55" s="94">
        <v>979</v>
      </c>
      <c r="L55" s="132">
        <v>467</v>
      </c>
      <c r="M55" s="351">
        <v>1602</v>
      </c>
      <c r="N55" s="96">
        <v>662</v>
      </c>
      <c r="O55" s="103">
        <v>0</v>
      </c>
      <c r="P55" s="106">
        <v>99.6</v>
      </c>
      <c r="Q55" s="44"/>
    </row>
    <row r="56" spans="2:22" s="219" customFormat="1" ht="16.5" customHeight="1">
      <c r="B56" s="348"/>
      <c r="C56" s="373" t="s">
        <v>27</v>
      </c>
      <c r="D56" s="350"/>
      <c r="E56" s="32"/>
      <c r="F56" s="91">
        <v>364</v>
      </c>
      <c r="G56" s="91">
        <v>656</v>
      </c>
      <c r="H56" s="91">
        <v>352</v>
      </c>
      <c r="I56" s="105">
        <v>304</v>
      </c>
      <c r="J56" s="123">
        <v>67</v>
      </c>
      <c r="K56" s="94">
        <v>345</v>
      </c>
      <c r="L56" s="132">
        <v>227</v>
      </c>
      <c r="M56" s="351">
        <v>1044</v>
      </c>
      <c r="N56" s="96">
        <v>380</v>
      </c>
      <c r="O56" s="96">
        <v>273</v>
      </c>
      <c r="P56" s="106">
        <v>163.4</v>
      </c>
      <c r="Q56" s="44"/>
    </row>
    <row r="57" spans="2:22" s="219" customFormat="1" ht="16.5" customHeight="1">
      <c r="B57" s="348"/>
      <c r="C57" s="373" t="s">
        <v>28</v>
      </c>
      <c r="D57" s="350"/>
      <c r="E57" s="32"/>
      <c r="F57" s="91">
        <v>890</v>
      </c>
      <c r="G57" s="91">
        <v>1735</v>
      </c>
      <c r="H57" s="91">
        <v>1005</v>
      </c>
      <c r="I57" s="105">
        <v>730</v>
      </c>
      <c r="J57" s="123">
        <v>137</v>
      </c>
      <c r="K57" s="94">
        <v>959</v>
      </c>
      <c r="L57" s="132">
        <v>566</v>
      </c>
      <c r="M57" s="351">
        <v>2070</v>
      </c>
      <c r="N57" s="96">
        <v>736</v>
      </c>
      <c r="O57" s="96">
        <v>208</v>
      </c>
      <c r="P57" s="106">
        <v>124.5</v>
      </c>
      <c r="Q57" s="44"/>
    </row>
    <row r="58" spans="2:22" s="219" customFormat="1" ht="16.5" customHeight="1">
      <c r="B58" s="348" t="s">
        <v>756</v>
      </c>
      <c r="C58" s="373" t="s">
        <v>26</v>
      </c>
      <c r="D58" s="350"/>
      <c r="E58" s="32"/>
      <c r="F58" s="91">
        <v>2025</v>
      </c>
      <c r="G58" s="91">
        <v>2976</v>
      </c>
      <c r="H58" s="91">
        <v>1718</v>
      </c>
      <c r="I58" s="105">
        <v>1258</v>
      </c>
      <c r="J58" s="123">
        <v>126</v>
      </c>
      <c r="K58" s="94">
        <v>1654</v>
      </c>
      <c r="L58" s="132">
        <v>1152</v>
      </c>
      <c r="M58" s="351">
        <v>2967</v>
      </c>
      <c r="N58" s="96">
        <v>1012</v>
      </c>
      <c r="O58" s="103">
        <v>0</v>
      </c>
      <c r="P58" s="106">
        <v>101.2</v>
      </c>
      <c r="Q58" s="44"/>
    </row>
    <row r="59" spans="2:22" s="219" customFormat="1" ht="16.5" customHeight="1">
      <c r="B59" s="348"/>
      <c r="C59" s="373" t="s">
        <v>27</v>
      </c>
      <c r="D59" s="350"/>
      <c r="E59" s="32"/>
      <c r="F59" s="91">
        <v>959</v>
      </c>
      <c r="G59" s="91">
        <v>1701</v>
      </c>
      <c r="H59" s="91">
        <v>944</v>
      </c>
      <c r="I59" s="105">
        <v>757</v>
      </c>
      <c r="J59" s="123">
        <v>125</v>
      </c>
      <c r="K59" s="94">
        <v>855</v>
      </c>
      <c r="L59" s="132">
        <v>661</v>
      </c>
      <c r="M59" s="351">
        <v>1515</v>
      </c>
      <c r="N59" s="96">
        <v>533</v>
      </c>
      <c r="O59" s="103">
        <v>0</v>
      </c>
      <c r="P59" s="106">
        <v>92.3</v>
      </c>
      <c r="Q59" s="44"/>
    </row>
    <row r="60" spans="2:22" s="219" customFormat="1" ht="16.5" customHeight="1">
      <c r="B60" s="348"/>
      <c r="C60" s="373" t="s">
        <v>28</v>
      </c>
      <c r="D60" s="350"/>
      <c r="E60" s="32"/>
      <c r="F60" s="91">
        <v>892</v>
      </c>
      <c r="G60" s="91">
        <v>1764</v>
      </c>
      <c r="H60" s="91">
        <v>900</v>
      </c>
      <c r="I60" s="105">
        <v>864</v>
      </c>
      <c r="J60" s="123">
        <v>146</v>
      </c>
      <c r="K60" s="94">
        <v>969</v>
      </c>
      <c r="L60" s="132">
        <v>615</v>
      </c>
      <c r="M60" s="351">
        <v>1521</v>
      </c>
      <c r="N60" s="96">
        <v>627</v>
      </c>
      <c r="O60" s="103">
        <v>0</v>
      </c>
      <c r="P60" s="106">
        <v>87.9</v>
      </c>
      <c r="Q60" s="44"/>
    </row>
    <row r="61" spans="2:22" s="219" customFormat="1" ht="16.5" customHeight="1">
      <c r="B61" s="348" t="s">
        <v>69</v>
      </c>
      <c r="C61" s="373" t="s">
        <v>26</v>
      </c>
      <c r="D61" s="350"/>
      <c r="E61" s="32"/>
      <c r="F61" s="91">
        <v>679</v>
      </c>
      <c r="G61" s="91">
        <v>1312</v>
      </c>
      <c r="H61" s="91">
        <v>653</v>
      </c>
      <c r="I61" s="105">
        <v>659</v>
      </c>
      <c r="J61" s="123">
        <v>143</v>
      </c>
      <c r="K61" s="94">
        <v>753</v>
      </c>
      <c r="L61" s="132">
        <v>381</v>
      </c>
      <c r="M61" s="351">
        <v>1161</v>
      </c>
      <c r="N61" s="96">
        <v>488</v>
      </c>
      <c r="O61" s="96">
        <v>3</v>
      </c>
      <c r="P61" s="106">
        <v>90.9</v>
      </c>
      <c r="Q61" s="44"/>
    </row>
    <row r="62" spans="2:22" s="219" customFormat="1" ht="16.5" customHeight="1">
      <c r="B62" s="348"/>
      <c r="C62" s="373" t="s">
        <v>27</v>
      </c>
      <c r="D62" s="350"/>
      <c r="E62" s="32"/>
      <c r="F62" s="91">
        <v>529</v>
      </c>
      <c r="G62" s="91">
        <v>896</v>
      </c>
      <c r="H62" s="91">
        <v>483</v>
      </c>
      <c r="I62" s="105">
        <v>413</v>
      </c>
      <c r="J62" s="123">
        <v>56</v>
      </c>
      <c r="K62" s="94">
        <v>513</v>
      </c>
      <c r="L62" s="132">
        <v>327</v>
      </c>
      <c r="M62" s="351">
        <v>700</v>
      </c>
      <c r="N62" s="96">
        <v>123</v>
      </c>
      <c r="O62" s="96">
        <v>23</v>
      </c>
      <c r="P62" s="106">
        <v>78.099999999999994</v>
      </c>
      <c r="Q62" s="44"/>
    </row>
    <row r="63" spans="2:22" s="219" customFormat="1" ht="16.5" customHeight="1">
      <c r="B63" s="348"/>
      <c r="C63" s="373" t="s">
        <v>28</v>
      </c>
      <c r="D63" s="350"/>
      <c r="E63" s="32"/>
      <c r="F63" s="91">
        <v>606</v>
      </c>
      <c r="G63" s="91">
        <v>1193</v>
      </c>
      <c r="H63" s="91">
        <v>581</v>
      </c>
      <c r="I63" s="105">
        <v>612</v>
      </c>
      <c r="J63" s="123">
        <v>95</v>
      </c>
      <c r="K63" s="94">
        <v>653</v>
      </c>
      <c r="L63" s="132">
        <v>396</v>
      </c>
      <c r="M63" s="351">
        <v>1070</v>
      </c>
      <c r="N63" s="96">
        <v>269</v>
      </c>
      <c r="O63" s="96">
        <v>145</v>
      </c>
      <c r="P63" s="106">
        <v>93.5</v>
      </c>
      <c r="Q63" s="44"/>
    </row>
    <row r="64" spans="2:22" s="219" customFormat="1" ht="16.5" customHeight="1">
      <c r="B64" s="348" t="s">
        <v>757</v>
      </c>
      <c r="C64" s="373" t="s">
        <v>26</v>
      </c>
      <c r="D64" s="350"/>
      <c r="E64" s="32"/>
      <c r="F64" s="91">
        <v>851</v>
      </c>
      <c r="G64" s="91">
        <v>1633</v>
      </c>
      <c r="H64" s="91">
        <v>828</v>
      </c>
      <c r="I64" s="105">
        <v>805</v>
      </c>
      <c r="J64" s="123">
        <v>145</v>
      </c>
      <c r="K64" s="94">
        <v>908</v>
      </c>
      <c r="L64" s="132">
        <v>522</v>
      </c>
      <c r="M64" s="351">
        <v>1368</v>
      </c>
      <c r="N64" s="96">
        <v>511</v>
      </c>
      <c r="O64" s="103">
        <v>0</v>
      </c>
      <c r="P64" s="106">
        <v>86.9</v>
      </c>
      <c r="Q64" s="44"/>
    </row>
    <row r="65" spans="2:17" s="219" customFormat="1" ht="16.5" customHeight="1">
      <c r="B65" s="348"/>
      <c r="C65" s="373" t="s">
        <v>27</v>
      </c>
      <c r="D65" s="350"/>
      <c r="E65" s="32"/>
      <c r="F65" s="91">
        <v>545</v>
      </c>
      <c r="G65" s="91">
        <v>918</v>
      </c>
      <c r="H65" s="91">
        <v>526</v>
      </c>
      <c r="I65" s="105">
        <v>392</v>
      </c>
      <c r="J65" s="123">
        <v>83</v>
      </c>
      <c r="K65" s="94">
        <v>523</v>
      </c>
      <c r="L65" s="132">
        <v>312</v>
      </c>
      <c r="M65" s="351">
        <v>1044</v>
      </c>
      <c r="N65" s="96">
        <v>215</v>
      </c>
      <c r="O65" s="96">
        <v>296</v>
      </c>
      <c r="P65" s="106">
        <v>113.7</v>
      </c>
      <c r="Q65" s="44"/>
    </row>
    <row r="66" spans="2:17" s="219" customFormat="1" ht="16.5" customHeight="1">
      <c r="B66" s="348"/>
      <c r="C66" s="373" t="s">
        <v>28</v>
      </c>
      <c r="D66" s="350"/>
      <c r="E66" s="32"/>
      <c r="F66" s="91">
        <v>489</v>
      </c>
      <c r="G66" s="91">
        <v>1175</v>
      </c>
      <c r="H66" s="91">
        <v>550</v>
      </c>
      <c r="I66" s="105">
        <v>625</v>
      </c>
      <c r="J66" s="123">
        <v>112</v>
      </c>
      <c r="K66" s="94">
        <v>704</v>
      </c>
      <c r="L66" s="132">
        <v>359</v>
      </c>
      <c r="M66" s="351">
        <v>1448</v>
      </c>
      <c r="N66" s="96">
        <v>349</v>
      </c>
      <c r="O66" s="96">
        <v>464</v>
      </c>
      <c r="P66" s="106">
        <v>123.2</v>
      </c>
      <c r="Q66" s="44"/>
    </row>
    <row r="67" spans="2:17" s="219" customFormat="1" ht="16.5" customHeight="1">
      <c r="B67" s="348" t="s">
        <v>758</v>
      </c>
      <c r="C67" s="373" t="s">
        <v>26</v>
      </c>
      <c r="D67" s="350"/>
      <c r="E67" s="32"/>
      <c r="F67" s="91">
        <v>1012</v>
      </c>
      <c r="G67" s="91">
        <v>1816</v>
      </c>
      <c r="H67" s="91">
        <v>1048</v>
      </c>
      <c r="I67" s="105">
        <v>768</v>
      </c>
      <c r="J67" s="123">
        <v>125</v>
      </c>
      <c r="K67" s="94">
        <v>1028</v>
      </c>
      <c r="L67" s="132">
        <v>652</v>
      </c>
      <c r="M67" s="351">
        <v>1757</v>
      </c>
      <c r="N67" s="96">
        <v>619</v>
      </c>
      <c r="O67" s="103">
        <v>0</v>
      </c>
      <c r="P67" s="106">
        <v>97.3</v>
      </c>
      <c r="Q67" s="44"/>
    </row>
    <row r="68" spans="2:17" s="219" customFormat="1" ht="16.5" customHeight="1">
      <c r="B68" s="348"/>
      <c r="C68" s="373" t="s">
        <v>27</v>
      </c>
      <c r="D68" s="350"/>
      <c r="E68" s="32"/>
      <c r="F68" s="91">
        <v>740</v>
      </c>
      <c r="G68" s="91">
        <v>1536</v>
      </c>
      <c r="H68" s="91">
        <v>774</v>
      </c>
      <c r="I68" s="105">
        <v>762</v>
      </c>
      <c r="J68" s="123">
        <v>187</v>
      </c>
      <c r="K68" s="94">
        <v>908</v>
      </c>
      <c r="L68" s="132">
        <v>428</v>
      </c>
      <c r="M68" s="351">
        <v>918</v>
      </c>
      <c r="N68" s="96">
        <v>173</v>
      </c>
      <c r="O68" s="103">
        <v>0</v>
      </c>
      <c r="P68" s="106">
        <v>60.3</v>
      </c>
      <c r="Q68" s="44"/>
    </row>
    <row r="69" spans="2:17" s="219" customFormat="1" ht="16.5" customHeight="1">
      <c r="B69" s="348"/>
      <c r="C69" s="373" t="s">
        <v>28</v>
      </c>
      <c r="D69" s="350"/>
      <c r="E69" s="32"/>
      <c r="F69" s="91">
        <v>658</v>
      </c>
      <c r="G69" s="91">
        <v>1531</v>
      </c>
      <c r="H69" s="91">
        <v>732</v>
      </c>
      <c r="I69" s="105">
        <v>799</v>
      </c>
      <c r="J69" s="123">
        <v>186</v>
      </c>
      <c r="K69" s="94">
        <v>941</v>
      </c>
      <c r="L69" s="132">
        <v>401</v>
      </c>
      <c r="M69" s="351">
        <v>1163</v>
      </c>
      <c r="N69" s="96">
        <v>473</v>
      </c>
      <c r="O69" s="103">
        <v>0</v>
      </c>
      <c r="P69" s="106">
        <v>76.099999999999994</v>
      </c>
      <c r="Q69" s="44"/>
    </row>
    <row r="70" spans="2:17" s="219" customFormat="1" ht="16.5" customHeight="1">
      <c r="B70" s="348" t="s">
        <v>759</v>
      </c>
      <c r="C70" s="373" t="s">
        <v>26</v>
      </c>
      <c r="D70" s="350"/>
      <c r="E70" s="32"/>
      <c r="F70" s="91">
        <v>604</v>
      </c>
      <c r="G70" s="91">
        <v>1197</v>
      </c>
      <c r="H70" s="91">
        <v>584</v>
      </c>
      <c r="I70" s="105">
        <v>613</v>
      </c>
      <c r="J70" s="123">
        <v>108</v>
      </c>
      <c r="K70" s="94">
        <v>757</v>
      </c>
      <c r="L70" s="132">
        <v>332</v>
      </c>
      <c r="M70" s="351">
        <v>1217</v>
      </c>
      <c r="N70" s="96">
        <v>349</v>
      </c>
      <c r="O70" s="96">
        <v>290</v>
      </c>
      <c r="P70" s="106">
        <v>101.7</v>
      </c>
      <c r="Q70" s="44"/>
    </row>
    <row r="71" spans="2:17" s="219" customFormat="1" ht="16.5" customHeight="1">
      <c r="B71" s="348"/>
      <c r="C71" s="373" t="s">
        <v>27</v>
      </c>
      <c r="D71" s="350"/>
      <c r="E71" s="32"/>
      <c r="F71" s="91">
        <v>512</v>
      </c>
      <c r="G71" s="91">
        <v>1059</v>
      </c>
      <c r="H71" s="91">
        <v>548</v>
      </c>
      <c r="I71" s="105">
        <v>511</v>
      </c>
      <c r="J71" s="123">
        <v>96</v>
      </c>
      <c r="K71" s="94">
        <v>592</v>
      </c>
      <c r="L71" s="132">
        <v>371</v>
      </c>
      <c r="M71" s="351">
        <v>1156</v>
      </c>
      <c r="N71" s="96">
        <v>232</v>
      </c>
      <c r="O71" s="96">
        <v>354</v>
      </c>
      <c r="P71" s="106">
        <v>109.2</v>
      </c>
      <c r="Q71" s="44"/>
    </row>
    <row r="72" spans="2:17" s="219" customFormat="1" ht="16.5" customHeight="1">
      <c r="B72" s="348"/>
      <c r="C72" s="373" t="s">
        <v>28</v>
      </c>
      <c r="D72" s="350"/>
      <c r="E72" s="32"/>
      <c r="F72" s="91">
        <v>873</v>
      </c>
      <c r="G72" s="91">
        <v>2030</v>
      </c>
      <c r="H72" s="91">
        <v>981</v>
      </c>
      <c r="I72" s="105">
        <v>1049</v>
      </c>
      <c r="J72" s="123">
        <v>205</v>
      </c>
      <c r="K72" s="94">
        <v>1265</v>
      </c>
      <c r="L72" s="132">
        <v>560</v>
      </c>
      <c r="M72" s="351">
        <v>1481</v>
      </c>
      <c r="N72" s="96">
        <v>535</v>
      </c>
      <c r="O72" s="103">
        <v>0</v>
      </c>
      <c r="P72" s="106">
        <v>73</v>
      </c>
      <c r="Q72" s="44"/>
    </row>
    <row r="73" spans="2:17" s="219" customFormat="1" ht="16.5" customHeight="1">
      <c r="B73" s="348" t="s">
        <v>760</v>
      </c>
      <c r="C73" s="373" t="s">
        <v>26</v>
      </c>
      <c r="D73" s="350"/>
      <c r="E73" s="32"/>
      <c r="F73" s="91">
        <v>893</v>
      </c>
      <c r="G73" s="91">
        <v>1638</v>
      </c>
      <c r="H73" s="91">
        <v>849</v>
      </c>
      <c r="I73" s="105">
        <v>789</v>
      </c>
      <c r="J73" s="123">
        <v>190</v>
      </c>
      <c r="K73" s="94">
        <v>1100</v>
      </c>
      <c r="L73" s="132">
        <v>336</v>
      </c>
      <c r="M73" s="351">
        <v>1607</v>
      </c>
      <c r="N73" s="96">
        <v>692</v>
      </c>
      <c r="O73" s="103">
        <v>0</v>
      </c>
      <c r="P73" s="106">
        <v>98.8</v>
      </c>
      <c r="Q73" s="44"/>
    </row>
    <row r="74" spans="2:17" s="219" customFormat="1" ht="16.5" customHeight="1">
      <c r="B74" s="348"/>
      <c r="C74" s="373" t="s">
        <v>27</v>
      </c>
      <c r="D74" s="350"/>
      <c r="E74" s="32"/>
      <c r="F74" s="91">
        <v>709</v>
      </c>
      <c r="G74" s="91">
        <v>1379</v>
      </c>
      <c r="H74" s="91">
        <v>720</v>
      </c>
      <c r="I74" s="105">
        <v>659</v>
      </c>
      <c r="J74" s="123">
        <v>113</v>
      </c>
      <c r="K74" s="94">
        <v>765</v>
      </c>
      <c r="L74" s="132">
        <v>477</v>
      </c>
      <c r="M74" s="351">
        <v>919</v>
      </c>
      <c r="N74" s="96">
        <v>191</v>
      </c>
      <c r="O74" s="103">
        <v>0</v>
      </c>
      <c r="P74" s="106">
        <v>67.8</v>
      </c>
      <c r="Q74" s="44"/>
    </row>
    <row r="75" spans="2:17" s="219" customFormat="1" ht="16.5" customHeight="1">
      <c r="B75" s="348" t="s">
        <v>761</v>
      </c>
      <c r="C75" s="373" t="s">
        <v>26</v>
      </c>
      <c r="D75" s="350"/>
      <c r="E75" s="32"/>
      <c r="F75" s="91">
        <v>1152</v>
      </c>
      <c r="G75" s="91">
        <v>2135</v>
      </c>
      <c r="H75" s="91">
        <v>1085</v>
      </c>
      <c r="I75" s="105">
        <v>1050</v>
      </c>
      <c r="J75" s="123">
        <v>144</v>
      </c>
      <c r="K75" s="94">
        <v>1197</v>
      </c>
      <c r="L75" s="132">
        <v>777</v>
      </c>
      <c r="M75" s="351">
        <v>1743</v>
      </c>
      <c r="N75" s="96">
        <v>570</v>
      </c>
      <c r="O75" s="103">
        <v>0</v>
      </c>
      <c r="P75" s="106">
        <v>82.3</v>
      </c>
      <c r="Q75" s="44"/>
    </row>
    <row r="76" spans="2:17" s="219" customFormat="1" ht="16.5" customHeight="1">
      <c r="B76" s="348"/>
      <c r="C76" s="373" t="s">
        <v>27</v>
      </c>
      <c r="D76" s="350"/>
      <c r="E76" s="32"/>
      <c r="F76" s="91">
        <v>1543</v>
      </c>
      <c r="G76" s="91">
        <v>3469</v>
      </c>
      <c r="H76" s="91">
        <v>1701</v>
      </c>
      <c r="I76" s="105">
        <v>1768</v>
      </c>
      <c r="J76" s="123">
        <v>402</v>
      </c>
      <c r="K76" s="94">
        <v>2119</v>
      </c>
      <c r="L76" s="132">
        <v>928</v>
      </c>
      <c r="M76" s="351">
        <v>2234</v>
      </c>
      <c r="N76" s="96">
        <v>492</v>
      </c>
      <c r="O76" s="103">
        <v>0</v>
      </c>
      <c r="P76" s="106">
        <v>64.8</v>
      </c>
      <c r="Q76" s="44"/>
    </row>
    <row r="77" spans="2:17" s="219" customFormat="1" ht="16.5" customHeight="1">
      <c r="B77" s="348" t="s">
        <v>762</v>
      </c>
      <c r="C77" s="373" t="s">
        <v>26</v>
      </c>
      <c r="D77" s="350"/>
      <c r="E77" s="32"/>
      <c r="F77" s="91">
        <v>1112</v>
      </c>
      <c r="G77" s="91">
        <v>2074</v>
      </c>
      <c r="H77" s="91">
        <v>1056</v>
      </c>
      <c r="I77" s="105">
        <v>1018</v>
      </c>
      <c r="J77" s="123">
        <v>185</v>
      </c>
      <c r="K77" s="94">
        <v>1313</v>
      </c>
      <c r="L77" s="132">
        <v>568</v>
      </c>
      <c r="M77" s="351">
        <v>2428</v>
      </c>
      <c r="N77" s="96">
        <v>562</v>
      </c>
      <c r="O77" s="96">
        <v>741</v>
      </c>
      <c r="P77" s="106">
        <v>117.5</v>
      </c>
      <c r="Q77" s="44"/>
    </row>
    <row r="78" spans="2:17" s="219" customFormat="1" ht="17.25" customHeight="1">
      <c r="B78" s="348"/>
      <c r="C78" s="373" t="s">
        <v>27</v>
      </c>
      <c r="D78" s="350"/>
      <c r="E78" s="32"/>
      <c r="F78" s="91">
        <v>933</v>
      </c>
      <c r="G78" s="91">
        <v>2141</v>
      </c>
      <c r="H78" s="91">
        <v>1059</v>
      </c>
      <c r="I78" s="105">
        <v>1082</v>
      </c>
      <c r="J78" s="123">
        <v>246</v>
      </c>
      <c r="K78" s="94">
        <v>1327</v>
      </c>
      <c r="L78" s="132">
        <v>568</v>
      </c>
      <c r="M78" s="351">
        <v>1765</v>
      </c>
      <c r="N78" s="96">
        <v>263</v>
      </c>
      <c r="O78" s="96">
        <v>495</v>
      </c>
      <c r="P78" s="106">
        <v>82.4</v>
      </c>
      <c r="Q78" s="44"/>
    </row>
    <row r="79" spans="2:17" s="219" customFormat="1" ht="17.25" customHeight="1">
      <c r="B79" s="348" t="s">
        <v>763</v>
      </c>
      <c r="C79" s="373" t="s">
        <v>26</v>
      </c>
      <c r="D79" s="350"/>
      <c r="E79" s="32"/>
      <c r="F79" s="91">
        <v>1511</v>
      </c>
      <c r="G79" s="91">
        <v>2971</v>
      </c>
      <c r="H79" s="91">
        <v>1489</v>
      </c>
      <c r="I79" s="105">
        <v>1482</v>
      </c>
      <c r="J79" s="123">
        <v>297</v>
      </c>
      <c r="K79" s="94">
        <v>1925</v>
      </c>
      <c r="L79" s="132">
        <v>731</v>
      </c>
      <c r="M79" s="351">
        <v>1943</v>
      </c>
      <c r="N79" s="96">
        <v>468</v>
      </c>
      <c r="O79" s="103">
        <v>0</v>
      </c>
      <c r="P79" s="106">
        <v>65.8</v>
      </c>
      <c r="Q79" s="44"/>
    </row>
    <row r="80" spans="2:17" s="219" customFormat="1" ht="17.25" customHeight="1">
      <c r="B80" s="348"/>
      <c r="C80" s="373" t="s">
        <v>27</v>
      </c>
      <c r="D80" s="350"/>
      <c r="E80" s="32"/>
      <c r="F80" s="91">
        <v>862</v>
      </c>
      <c r="G80" s="91">
        <v>1957</v>
      </c>
      <c r="H80" s="91">
        <v>993</v>
      </c>
      <c r="I80" s="105">
        <v>964</v>
      </c>
      <c r="J80" s="123">
        <v>322</v>
      </c>
      <c r="K80" s="94">
        <v>1207</v>
      </c>
      <c r="L80" s="132">
        <v>427</v>
      </c>
      <c r="M80" s="351">
        <v>1341</v>
      </c>
      <c r="N80" s="96">
        <v>336</v>
      </c>
      <c r="O80" s="96">
        <v>85</v>
      </c>
      <c r="P80" s="106">
        <v>68.599999999999994</v>
      </c>
      <c r="Q80" s="44"/>
    </row>
    <row r="81" spans="2:22" s="219" customFormat="1" ht="17.25" customHeight="1">
      <c r="B81" s="348" t="s">
        <v>764</v>
      </c>
      <c r="C81" s="373" t="s">
        <v>26</v>
      </c>
      <c r="D81" s="350"/>
      <c r="E81" s="32"/>
      <c r="F81" s="91">
        <v>158</v>
      </c>
      <c r="G81" s="91">
        <v>281</v>
      </c>
      <c r="H81" s="91">
        <v>147</v>
      </c>
      <c r="I81" s="105">
        <v>134</v>
      </c>
      <c r="J81" s="123">
        <v>31</v>
      </c>
      <c r="K81" s="94">
        <v>139</v>
      </c>
      <c r="L81" s="132">
        <v>84</v>
      </c>
      <c r="M81" s="351">
        <v>228</v>
      </c>
      <c r="N81" s="96">
        <v>83</v>
      </c>
      <c r="O81" s="103">
        <v>0</v>
      </c>
      <c r="P81" s="106">
        <v>89.8</v>
      </c>
      <c r="Q81" s="44"/>
    </row>
    <row r="82" spans="2:22" s="219" customFormat="1" ht="17.25" customHeight="1">
      <c r="B82" s="348"/>
      <c r="C82" s="373" t="s">
        <v>27</v>
      </c>
      <c r="D82" s="350"/>
      <c r="E82" s="32"/>
      <c r="F82" s="91">
        <v>323</v>
      </c>
      <c r="G82" s="91">
        <v>569</v>
      </c>
      <c r="H82" s="91">
        <v>292</v>
      </c>
      <c r="I82" s="105">
        <v>277</v>
      </c>
      <c r="J82" s="123">
        <v>46</v>
      </c>
      <c r="K82" s="94">
        <v>255</v>
      </c>
      <c r="L82" s="132">
        <v>192</v>
      </c>
      <c r="M82" s="351">
        <v>586</v>
      </c>
      <c r="N82" s="96">
        <v>269</v>
      </c>
      <c r="O82" s="103">
        <v>0</v>
      </c>
      <c r="P82" s="106">
        <v>118.9</v>
      </c>
      <c r="Q82" s="44"/>
    </row>
    <row r="83" spans="2:22" s="219" customFormat="1" ht="17.25" customHeight="1">
      <c r="B83" s="348"/>
      <c r="C83" s="373" t="s">
        <v>28</v>
      </c>
      <c r="D83" s="350"/>
      <c r="E83" s="32"/>
      <c r="F83" s="91">
        <v>379</v>
      </c>
      <c r="G83" s="91">
        <v>782</v>
      </c>
      <c r="H83" s="91">
        <v>393</v>
      </c>
      <c r="I83" s="105">
        <v>389</v>
      </c>
      <c r="J83" s="123">
        <v>82</v>
      </c>
      <c r="K83" s="94">
        <v>486</v>
      </c>
      <c r="L83" s="132">
        <v>191</v>
      </c>
      <c r="M83" s="351">
        <v>1067</v>
      </c>
      <c r="N83" s="96">
        <v>548</v>
      </c>
      <c r="O83" s="96">
        <v>134</v>
      </c>
      <c r="P83" s="106">
        <v>140.6</v>
      </c>
      <c r="Q83" s="44"/>
    </row>
    <row r="84" spans="2:22" s="219" customFormat="1" ht="17.25" customHeight="1">
      <c r="B84" s="348"/>
      <c r="C84" s="373" t="s">
        <v>29</v>
      </c>
      <c r="D84" s="350"/>
      <c r="E84" s="32"/>
      <c r="F84" s="91">
        <v>826</v>
      </c>
      <c r="G84" s="91">
        <v>1695</v>
      </c>
      <c r="H84" s="91">
        <v>954</v>
      </c>
      <c r="I84" s="105">
        <v>741</v>
      </c>
      <c r="J84" s="123">
        <v>164</v>
      </c>
      <c r="K84" s="94">
        <v>1197</v>
      </c>
      <c r="L84" s="132">
        <v>310</v>
      </c>
      <c r="M84" s="351">
        <v>1072</v>
      </c>
      <c r="N84" s="96">
        <v>430</v>
      </c>
      <c r="O84" s="103">
        <v>0</v>
      </c>
      <c r="P84" s="106">
        <v>64.2</v>
      </c>
      <c r="Q84" s="44"/>
    </row>
    <row r="85" spans="2:22" s="219" customFormat="1" ht="17.25" customHeight="1">
      <c r="B85" s="348" t="s">
        <v>765</v>
      </c>
      <c r="C85" s="373" t="s">
        <v>26</v>
      </c>
      <c r="D85" s="350"/>
      <c r="E85" s="32"/>
      <c r="F85" s="91">
        <v>533</v>
      </c>
      <c r="G85" s="91">
        <v>1019</v>
      </c>
      <c r="H85" s="91">
        <v>552</v>
      </c>
      <c r="I85" s="105">
        <v>467</v>
      </c>
      <c r="J85" s="123">
        <v>76</v>
      </c>
      <c r="K85" s="94">
        <v>582</v>
      </c>
      <c r="L85" s="132">
        <v>290</v>
      </c>
      <c r="M85" s="351">
        <v>1672</v>
      </c>
      <c r="N85" s="96">
        <v>414</v>
      </c>
      <c r="O85" s="96">
        <v>748</v>
      </c>
      <c r="P85" s="106">
        <v>176.4</v>
      </c>
      <c r="Q85" s="44"/>
    </row>
    <row r="86" spans="2:22" s="219" customFormat="1" ht="17.25" customHeight="1">
      <c r="B86" s="348"/>
      <c r="C86" s="373" t="s">
        <v>27</v>
      </c>
      <c r="D86" s="350"/>
      <c r="E86" s="32"/>
      <c r="F86" s="91">
        <v>193</v>
      </c>
      <c r="G86" s="91">
        <v>385</v>
      </c>
      <c r="H86" s="91">
        <v>194</v>
      </c>
      <c r="I86" s="105">
        <v>191</v>
      </c>
      <c r="J86" s="123">
        <v>32</v>
      </c>
      <c r="K86" s="94">
        <v>225</v>
      </c>
      <c r="L86" s="132">
        <v>106</v>
      </c>
      <c r="M86" s="351">
        <v>709</v>
      </c>
      <c r="N86" s="96">
        <v>527</v>
      </c>
      <c r="O86" s="103">
        <v>0</v>
      </c>
      <c r="P86" s="106">
        <v>195.3</v>
      </c>
      <c r="Q86" s="44"/>
    </row>
    <row r="87" spans="2:22" s="219" customFormat="1" ht="17.25" customHeight="1">
      <c r="B87" s="348"/>
      <c r="C87" s="373" t="s">
        <v>28</v>
      </c>
      <c r="D87" s="350"/>
      <c r="E87" s="32"/>
      <c r="F87" s="91">
        <v>554</v>
      </c>
      <c r="G87" s="91">
        <v>1551</v>
      </c>
      <c r="H87" s="91">
        <v>763</v>
      </c>
      <c r="I87" s="105">
        <v>788</v>
      </c>
      <c r="J87" s="123">
        <v>176</v>
      </c>
      <c r="K87" s="94">
        <v>1033</v>
      </c>
      <c r="L87" s="132">
        <v>310</v>
      </c>
      <c r="M87" s="351">
        <v>1772</v>
      </c>
      <c r="N87" s="96">
        <v>975</v>
      </c>
      <c r="O87" s="96">
        <v>117</v>
      </c>
      <c r="P87" s="106">
        <v>116.7</v>
      </c>
      <c r="Q87" s="44"/>
    </row>
    <row r="88" spans="2:22" s="219" customFormat="1" ht="17.25" customHeight="1">
      <c r="B88" s="348" t="s">
        <v>766</v>
      </c>
      <c r="C88" s="373" t="s">
        <v>26</v>
      </c>
      <c r="D88" s="350"/>
      <c r="E88" s="32"/>
      <c r="F88" s="91">
        <v>228</v>
      </c>
      <c r="G88" s="91">
        <v>901</v>
      </c>
      <c r="H88" s="91">
        <v>421</v>
      </c>
      <c r="I88" s="105">
        <v>480</v>
      </c>
      <c r="J88" s="123">
        <v>78</v>
      </c>
      <c r="K88" s="94">
        <v>453</v>
      </c>
      <c r="L88" s="132">
        <v>346</v>
      </c>
      <c r="M88" s="351">
        <v>959</v>
      </c>
      <c r="N88" s="96">
        <v>360</v>
      </c>
      <c r="O88" s="103">
        <v>0</v>
      </c>
      <c r="P88" s="106">
        <v>109.4</v>
      </c>
      <c r="Q88" s="44"/>
    </row>
    <row r="89" spans="2:22" s="219" customFormat="1" ht="17.25" customHeight="1">
      <c r="B89" s="348"/>
      <c r="C89" s="373" t="s">
        <v>27</v>
      </c>
      <c r="D89" s="350"/>
      <c r="E89" s="32"/>
      <c r="F89" s="91">
        <v>617</v>
      </c>
      <c r="G89" s="91">
        <v>1322</v>
      </c>
      <c r="H89" s="91">
        <v>628</v>
      </c>
      <c r="I89" s="105">
        <v>694</v>
      </c>
      <c r="J89" s="123">
        <v>158</v>
      </c>
      <c r="K89" s="94">
        <v>801</v>
      </c>
      <c r="L89" s="132">
        <v>363</v>
      </c>
      <c r="M89" s="351">
        <v>1177</v>
      </c>
      <c r="N89" s="96">
        <v>409</v>
      </c>
      <c r="O89" s="103">
        <v>0</v>
      </c>
      <c r="P89" s="106">
        <v>89</v>
      </c>
      <c r="Q89" s="44"/>
    </row>
    <row r="90" spans="2:22" s="219" customFormat="1" ht="17.25" customHeight="1">
      <c r="B90" s="348"/>
      <c r="C90" s="373" t="s">
        <v>28</v>
      </c>
      <c r="D90" s="350"/>
      <c r="E90" s="32"/>
      <c r="F90" s="91">
        <v>678</v>
      </c>
      <c r="G90" s="91">
        <v>1382</v>
      </c>
      <c r="H90" s="91">
        <v>728</v>
      </c>
      <c r="I90" s="105">
        <v>654</v>
      </c>
      <c r="J90" s="123">
        <v>99</v>
      </c>
      <c r="K90" s="94">
        <v>968</v>
      </c>
      <c r="L90" s="132">
        <v>315</v>
      </c>
      <c r="M90" s="351">
        <v>1568</v>
      </c>
      <c r="N90" s="96">
        <v>859</v>
      </c>
      <c r="O90" s="103">
        <v>0</v>
      </c>
      <c r="P90" s="106">
        <v>113.5</v>
      </c>
      <c r="Q90" s="44"/>
    </row>
    <row r="91" spans="2:22" s="219" customFormat="1" ht="17.25" customHeight="1">
      <c r="B91" s="348"/>
      <c r="C91" s="373" t="s">
        <v>29</v>
      </c>
      <c r="D91" s="350"/>
      <c r="E91" s="32"/>
      <c r="F91" s="91">
        <v>649</v>
      </c>
      <c r="G91" s="91">
        <v>1762</v>
      </c>
      <c r="H91" s="91">
        <v>903</v>
      </c>
      <c r="I91" s="105">
        <v>859</v>
      </c>
      <c r="J91" s="123">
        <v>268</v>
      </c>
      <c r="K91" s="94">
        <v>1097</v>
      </c>
      <c r="L91" s="132">
        <v>376</v>
      </c>
      <c r="M91" s="351">
        <v>1829</v>
      </c>
      <c r="N91" s="96">
        <v>956</v>
      </c>
      <c r="O91" s="103">
        <v>0</v>
      </c>
      <c r="P91" s="106">
        <v>105.1</v>
      </c>
      <c r="Q91" s="44"/>
    </row>
    <row r="92" spans="2:22" s="219" customFormat="1" ht="17.25" customHeight="1">
      <c r="B92" s="348"/>
      <c r="C92" s="373" t="s">
        <v>30</v>
      </c>
      <c r="D92" s="350"/>
      <c r="E92" s="32"/>
      <c r="F92" s="91">
        <v>121</v>
      </c>
      <c r="G92" s="91">
        <v>274</v>
      </c>
      <c r="H92" s="91">
        <v>141</v>
      </c>
      <c r="I92" s="105">
        <v>133</v>
      </c>
      <c r="J92" s="123">
        <v>32</v>
      </c>
      <c r="K92" s="94">
        <v>190</v>
      </c>
      <c r="L92" s="132">
        <v>52</v>
      </c>
      <c r="M92" s="351">
        <v>2676</v>
      </c>
      <c r="N92" s="96">
        <v>2554</v>
      </c>
      <c r="O92" s="103">
        <v>0</v>
      </c>
      <c r="P92" s="106">
        <v>976.6</v>
      </c>
      <c r="Q92" s="44"/>
    </row>
    <row r="93" spans="2:22" s="219" customFormat="1" ht="15.75" customHeight="1">
      <c r="B93" s="357"/>
      <c r="C93" s="373" t="s">
        <v>31</v>
      </c>
      <c r="D93" s="358"/>
      <c r="E93" s="32"/>
      <c r="F93" s="91">
        <v>495</v>
      </c>
      <c r="G93" s="91">
        <v>1045</v>
      </c>
      <c r="H93" s="91">
        <v>554</v>
      </c>
      <c r="I93" s="105">
        <v>491</v>
      </c>
      <c r="J93" s="123">
        <v>137</v>
      </c>
      <c r="K93" s="94">
        <v>682</v>
      </c>
      <c r="L93" s="132">
        <v>215</v>
      </c>
      <c r="M93" s="351">
        <v>2155</v>
      </c>
      <c r="N93" s="96">
        <v>1227</v>
      </c>
      <c r="O93" s="96">
        <v>382</v>
      </c>
      <c r="P93" s="106">
        <v>208.4</v>
      </c>
      <c r="Q93" s="44"/>
    </row>
    <row r="94" spans="2:22" s="227" customFormat="1" ht="15.75" customHeight="1">
      <c r="B94" s="352"/>
      <c r="C94" s="374" t="s">
        <v>32</v>
      </c>
      <c r="D94" s="354"/>
      <c r="E94" s="40"/>
      <c r="F94" s="115">
        <v>1592</v>
      </c>
      <c r="G94" s="115">
        <v>3332</v>
      </c>
      <c r="H94" s="115">
        <v>1690</v>
      </c>
      <c r="I94" s="114">
        <v>1642</v>
      </c>
      <c r="J94" s="127">
        <v>440</v>
      </c>
      <c r="K94" s="118">
        <v>2188</v>
      </c>
      <c r="L94" s="276">
        <v>657</v>
      </c>
      <c r="M94" s="355">
        <v>3341</v>
      </c>
      <c r="N94" s="120">
        <v>1227</v>
      </c>
      <c r="O94" s="120">
        <v>279</v>
      </c>
      <c r="P94" s="122">
        <v>101.7</v>
      </c>
      <c r="Q94" s="44"/>
      <c r="T94" s="219"/>
      <c r="U94" s="219"/>
      <c r="V94" s="219"/>
    </row>
    <row r="95" spans="2:22">
      <c r="E95" s="221"/>
      <c r="F95" s="221"/>
      <c r="G95" s="221"/>
      <c r="H95" s="221"/>
      <c r="I95" s="221"/>
      <c r="J95" s="221"/>
      <c r="K95" s="221"/>
      <c r="L95" s="221"/>
      <c r="M95" s="149"/>
      <c r="N95" s="149"/>
      <c r="O95" s="149"/>
      <c r="P95" s="221"/>
    </row>
    <row r="96" spans="2:22">
      <c r="E96" s="221"/>
      <c r="F96" s="221"/>
      <c r="G96" s="221"/>
      <c r="H96" s="221"/>
      <c r="I96" s="221"/>
      <c r="J96" s="221"/>
      <c r="K96" s="221"/>
      <c r="L96" s="221"/>
      <c r="M96" s="149"/>
      <c r="N96" s="149"/>
      <c r="O96" s="149"/>
      <c r="P96" s="221"/>
    </row>
    <row r="97" spans="5:16">
      <c r="E97" s="221"/>
      <c r="F97" s="221"/>
      <c r="G97" s="221"/>
      <c r="H97" s="221"/>
      <c r="I97" s="221"/>
      <c r="J97" s="221"/>
      <c r="K97" s="221"/>
      <c r="L97" s="221"/>
      <c r="M97" s="149"/>
      <c r="N97" s="149"/>
      <c r="O97" s="149"/>
      <c r="P97" s="221"/>
    </row>
    <row r="98" spans="5:16">
      <c r="E98" s="221"/>
      <c r="F98" s="221"/>
      <c r="G98" s="221"/>
      <c r="H98" s="221"/>
      <c r="I98" s="221"/>
      <c r="J98" s="221"/>
      <c r="K98" s="221"/>
      <c r="L98" s="221"/>
      <c r="M98" s="149"/>
      <c r="N98" s="149"/>
      <c r="O98" s="149"/>
      <c r="P98" s="221"/>
    </row>
    <row r="99" spans="5:16">
      <c r="E99" s="221"/>
      <c r="F99" s="221"/>
      <c r="G99" s="221"/>
      <c r="H99" s="221"/>
      <c r="I99" s="221"/>
      <c r="J99" s="221"/>
      <c r="K99" s="221"/>
      <c r="L99" s="221"/>
      <c r="M99" s="149"/>
      <c r="N99" s="149"/>
      <c r="O99" s="149"/>
      <c r="P99" s="221"/>
    </row>
    <row r="100" spans="5:16">
      <c r="E100" s="221"/>
      <c r="F100" s="221"/>
      <c r="G100" s="221"/>
      <c r="H100" s="221"/>
      <c r="I100" s="221"/>
      <c r="J100" s="221"/>
      <c r="K100" s="221"/>
      <c r="L100" s="221"/>
      <c r="M100" s="149"/>
      <c r="N100" s="149"/>
      <c r="O100" s="149"/>
      <c r="P100" s="221"/>
    </row>
    <row r="101" spans="5:16">
      <c r="E101" s="221"/>
      <c r="F101" s="221"/>
      <c r="G101" s="221"/>
      <c r="H101" s="221"/>
      <c r="I101" s="221"/>
      <c r="J101" s="221"/>
      <c r="K101" s="221"/>
      <c r="L101" s="221"/>
      <c r="M101" s="149"/>
      <c r="N101" s="149"/>
      <c r="O101" s="149"/>
      <c r="P101" s="221"/>
    </row>
    <row r="102" spans="5:16">
      <c r="E102" s="221"/>
      <c r="F102" s="221"/>
      <c r="G102" s="221"/>
      <c r="H102" s="221"/>
      <c r="I102" s="221"/>
      <c r="J102" s="221"/>
      <c r="K102" s="221"/>
      <c r="L102" s="221"/>
      <c r="M102" s="149"/>
      <c r="N102" s="149"/>
      <c r="O102" s="149"/>
      <c r="P102" s="221"/>
    </row>
    <row r="103" spans="5:16">
      <c r="E103" s="221"/>
      <c r="F103" s="221"/>
      <c r="G103" s="221"/>
      <c r="H103" s="221"/>
      <c r="I103" s="221"/>
      <c r="J103" s="221"/>
      <c r="K103" s="221"/>
      <c r="L103" s="221"/>
      <c r="M103" s="149"/>
      <c r="N103" s="149"/>
      <c r="O103" s="149"/>
      <c r="P103" s="221"/>
    </row>
    <row r="104" spans="5:16">
      <c r="E104" s="221"/>
      <c r="F104" s="221"/>
      <c r="G104" s="221"/>
      <c r="H104" s="221"/>
      <c r="I104" s="221"/>
      <c r="J104" s="221"/>
      <c r="K104" s="221"/>
      <c r="L104" s="221"/>
      <c r="M104" s="149"/>
      <c r="N104" s="149"/>
      <c r="O104" s="149"/>
      <c r="P104" s="221"/>
    </row>
    <row r="105" spans="5:16">
      <c r="E105" s="221"/>
      <c r="F105" s="221"/>
      <c r="G105" s="221"/>
      <c r="H105" s="221"/>
      <c r="I105" s="221"/>
      <c r="J105" s="221"/>
      <c r="K105" s="221"/>
      <c r="L105" s="221"/>
      <c r="M105" s="149"/>
      <c r="N105" s="149"/>
      <c r="O105" s="149"/>
      <c r="P105" s="221"/>
    </row>
    <row r="106" spans="5:16">
      <c r="E106" s="221"/>
      <c r="F106" s="221"/>
      <c r="G106" s="221"/>
      <c r="H106" s="221"/>
      <c r="I106" s="221"/>
      <c r="J106" s="221"/>
      <c r="K106" s="221"/>
      <c r="L106" s="221"/>
      <c r="M106" s="149"/>
      <c r="N106" s="149"/>
      <c r="O106" s="149"/>
      <c r="P106" s="221"/>
    </row>
    <row r="107" spans="5:16">
      <c r="E107" s="221"/>
      <c r="F107" s="221"/>
      <c r="G107" s="221"/>
      <c r="H107" s="221"/>
      <c r="I107" s="221"/>
      <c r="J107" s="221"/>
      <c r="K107" s="221"/>
      <c r="L107" s="221"/>
      <c r="M107" s="149"/>
      <c r="N107" s="149"/>
      <c r="O107" s="149"/>
      <c r="P107" s="221"/>
    </row>
    <row r="108" spans="5:16">
      <c r="E108" s="221"/>
      <c r="F108" s="221"/>
      <c r="G108" s="221"/>
      <c r="H108" s="221"/>
      <c r="I108" s="221"/>
      <c r="J108" s="221"/>
      <c r="K108" s="221"/>
      <c r="L108" s="221"/>
      <c r="M108" s="149"/>
      <c r="N108" s="149"/>
      <c r="O108" s="149"/>
      <c r="P108" s="221"/>
    </row>
    <row r="109" spans="5:16">
      <c r="E109" s="221"/>
      <c r="F109" s="221"/>
      <c r="G109" s="221"/>
      <c r="H109" s="221"/>
      <c r="I109" s="221"/>
      <c r="J109" s="221"/>
      <c r="K109" s="221"/>
      <c r="L109" s="221"/>
      <c r="M109" s="149"/>
      <c r="N109" s="149"/>
      <c r="O109" s="149"/>
      <c r="P109" s="221"/>
    </row>
    <row r="110" spans="5:16">
      <c r="E110" s="221"/>
      <c r="F110" s="221"/>
      <c r="G110" s="221"/>
      <c r="H110" s="221"/>
      <c r="I110" s="221"/>
      <c r="J110" s="221"/>
      <c r="K110" s="221"/>
      <c r="L110" s="221"/>
      <c r="M110" s="149"/>
      <c r="N110" s="149"/>
      <c r="O110" s="149"/>
      <c r="P110" s="221"/>
    </row>
    <row r="111" spans="5:16">
      <c r="E111" s="221"/>
      <c r="F111" s="221"/>
      <c r="G111" s="221"/>
      <c r="H111" s="221"/>
      <c r="I111" s="221"/>
      <c r="J111" s="221"/>
      <c r="K111" s="221"/>
      <c r="L111" s="221"/>
      <c r="M111" s="149"/>
      <c r="N111" s="149"/>
      <c r="O111" s="149"/>
      <c r="P111" s="221"/>
    </row>
    <row r="112" spans="5:16">
      <c r="E112" s="221"/>
      <c r="F112" s="221"/>
      <c r="G112" s="221"/>
      <c r="H112" s="221"/>
      <c r="I112" s="221"/>
      <c r="J112" s="221"/>
      <c r="K112" s="221"/>
      <c r="L112" s="221"/>
      <c r="M112" s="149"/>
      <c r="N112" s="149"/>
      <c r="O112" s="149"/>
      <c r="P112" s="221"/>
    </row>
    <row r="113" spans="5:16">
      <c r="E113" s="221"/>
      <c r="F113" s="221"/>
      <c r="G113" s="221"/>
      <c r="H113" s="221"/>
      <c r="I113" s="221"/>
      <c r="J113" s="221"/>
      <c r="K113" s="221"/>
      <c r="L113" s="221"/>
      <c r="M113" s="149"/>
      <c r="N113" s="149"/>
      <c r="O113" s="149"/>
      <c r="P113" s="221"/>
    </row>
    <row r="114" spans="5:16">
      <c r="E114" s="221"/>
      <c r="F114" s="221"/>
      <c r="G114" s="221"/>
      <c r="H114" s="221"/>
      <c r="I114" s="221"/>
      <c r="J114" s="221"/>
      <c r="K114" s="221"/>
      <c r="L114" s="221"/>
      <c r="M114" s="149"/>
      <c r="N114" s="149"/>
      <c r="O114" s="149"/>
      <c r="P114" s="221"/>
    </row>
    <row r="115" spans="5:16">
      <c r="E115" s="221"/>
      <c r="F115" s="221"/>
      <c r="G115" s="221"/>
      <c r="H115" s="221"/>
      <c r="I115" s="221"/>
      <c r="J115" s="221"/>
      <c r="K115" s="221"/>
      <c r="L115" s="221"/>
      <c r="M115" s="149"/>
      <c r="N115" s="149"/>
      <c r="O115" s="149"/>
      <c r="P115" s="221"/>
    </row>
    <row r="116" spans="5:16">
      <c r="E116" s="221"/>
      <c r="F116" s="221"/>
      <c r="G116" s="221"/>
      <c r="H116" s="221"/>
      <c r="I116" s="221"/>
      <c r="J116" s="221"/>
      <c r="K116" s="221"/>
      <c r="L116" s="221"/>
      <c r="M116" s="149"/>
      <c r="N116" s="149"/>
      <c r="O116" s="149"/>
      <c r="P116" s="221"/>
    </row>
    <row r="117" spans="5:16">
      <c r="E117" s="221"/>
      <c r="F117" s="221"/>
      <c r="G117" s="221"/>
      <c r="H117" s="221"/>
      <c r="I117" s="221"/>
      <c r="J117" s="221"/>
      <c r="K117" s="221"/>
      <c r="L117" s="221"/>
      <c r="M117" s="149"/>
      <c r="N117" s="149"/>
      <c r="O117" s="149"/>
      <c r="P117" s="221"/>
    </row>
    <row r="118" spans="5:16">
      <c r="E118" s="221"/>
      <c r="F118" s="221"/>
      <c r="G118" s="221"/>
      <c r="H118" s="221"/>
      <c r="I118" s="221"/>
      <c r="J118" s="221"/>
      <c r="K118" s="221"/>
      <c r="L118" s="221"/>
      <c r="M118" s="149"/>
      <c r="N118" s="149"/>
      <c r="O118" s="149"/>
      <c r="P118" s="221"/>
    </row>
    <row r="119" spans="5:16">
      <c r="E119" s="221"/>
      <c r="F119" s="221"/>
      <c r="G119" s="221"/>
      <c r="H119" s="221"/>
      <c r="I119" s="221"/>
      <c r="J119" s="221"/>
      <c r="K119" s="221"/>
      <c r="L119" s="221"/>
      <c r="M119" s="149"/>
      <c r="N119" s="149"/>
      <c r="O119" s="149"/>
      <c r="P119" s="221"/>
    </row>
    <row r="120" spans="5:16">
      <c r="E120" s="221"/>
      <c r="F120" s="221"/>
      <c r="G120" s="221"/>
      <c r="H120" s="221"/>
      <c r="I120" s="221"/>
      <c r="J120" s="221"/>
      <c r="K120" s="221"/>
      <c r="L120" s="221"/>
      <c r="M120" s="149"/>
      <c r="N120" s="149"/>
      <c r="O120" s="149"/>
      <c r="P120" s="221"/>
    </row>
    <row r="121" spans="5:16">
      <c r="E121" s="221"/>
      <c r="F121" s="221"/>
      <c r="G121" s="221"/>
      <c r="H121" s="221"/>
      <c r="I121" s="221"/>
      <c r="J121" s="221"/>
      <c r="K121" s="221"/>
      <c r="L121" s="221"/>
      <c r="M121" s="149"/>
      <c r="N121" s="149"/>
      <c r="O121" s="149"/>
      <c r="P121" s="221"/>
    </row>
    <row r="122" spans="5:16">
      <c r="E122" s="221"/>
      <c r="F122" s="221"/>
      <c r="G122" s="221"/>
      <c r="H122" s="221"/>
      <c r="I122" s="221"/>
      <c r="J122" s="221"/>
      <c r="K122" s="221"/>
      <c r="L122" s="221"/>
      <c r="M122" s="149"/>
      <c r="N122" s="149"/>
      <c r="O122" s="149"/>
      <c r="P122" s="221"/>
    </row>
    <row r="123" spans="5:16">
      <c r="E123" s="221"/>
      <c r="F123" s="221"/>
      <c r="G123" s="221"/>
      <c r="H123" s="221"/>
      <c r="I123" s="221"/>
      <c r="J123" s="221"/>
      <c r="K123" s="221"/>
      <c r="L123" s="221"/>
      <c r="M123" s="149"/>
      <c r="N123" s="149"/>
      <c r="O123" s="149"/>
      <c r="P123" s="221"/>
    </row>
    <row r="124" spans="5:16">
      <c r="E124" s="221"/>
      <c r="F124" s="221"/>
      <c r="G124" s="221"/>
      <c r="H124" s="221"/>
      <c r="I124" s="221"/>
      <c r="J124" s="221"/>
      <c r="K124" s="221"/>
      <c r="L124" s="221"/>
      <c r="M124" s="149"/>
      <c r="N124" s="149"/>
      <c r="O124" s="149"/>
      <c r="P124" s="221"/>
    </row>
    <row r="125" spans="5:16">
      <c r="E125" s="221"/>
      <c r="F125" s="221"/>
      <c r="G125" s="221"/>
      <c r="H125" s="221"/>
      <c r="I125" s="221"/>
      <c r="J125" s="221"/>
      <c r="K125" s="221"/>
      <c r="L125" s="221"/>
      <c r="M125" s="149"/>
      <c r="N125" s="149"/>
      <c r="O125" s="149"/>
      <c r="P125" s="221"/>
    </row>
    <row r="126" spans="5:16">
      <c r="E126" s="221"/>
      <c r="F126" s="221"/>
      <c r="G126" s="221"/>
      <c r="H126" s="221"/>
      <c r="I126" s="221"/>
      <c r="J126" s="221"/>
      <c r="K126" s="221"/>
      <c r="L126" s="221"/>
      <c r="M126" s="149"/>
      <c r="N126" s="149"/>
      <c r="O126" s="149"/>
      <c r="P126" s="221"/>
    </row>
    <row r="127" spans="5:16">
      <c r="E127" s="221"/>
      <c r="F127" s="221"/>
      <c r="G127" s="221"/>
      <c r="H127" s="221"/>
      <c r="I127" s="221"/>
      <c r="J127" s="221"/>
      <c r="K127" s="221"/>
      <c r="L127" s="221"/>
      <c r="M127" s="149"/>
      <c r="N127" s="149"/>
      <c r="O127" s="149"/>
      <c r="P127" s="221"/>
    </row>
    <row r="128" spans="5:16">
      <c r="E128" s="221"/>
      <c r="F128" s="221"/>
      <c r="G128" s="221"/>
      <c r="H128" s="221"/>
      <c r="I128" s="221"/>
      <c r="J128" s="221"/>
      <c r="K128" s="221"/>
      <c r="L128" s="221"/>
      <c r="M128" s="149"/>
      <c r="N128" s="149"/>
      <c r="O128" s="149"/>
      <c r="P128" s="221"/>
    </row>
    <row r="129" spans="5:16">
      <c r="E129" s="221"/>
      <c r="F129" s="221"/>
      <c r="G129" s="221"/>
      <c r="H129" s="221"/>
      <c r="I129" s="221"/>
      <c r="J129" s="221"/>
      <c r="K129" s="221"/>
      <c r="L129" s="221"/>
      <c r="M129" s="149"/>
      <c r="N129" s="149"/>
      <c r="O129" s="149"/>
      <c r="P129" s="221"/>
    </row>
    <row r="130" spans="5:16">
      <c r="E130" s="221"/>
      <c r="F130" s="221"/>
      <c r="G130" s="221"/>
      <c r="H130" s="221"/>
      <c r="I130" s="221"/>
      <c r="J130" s="221"/>
      <c r="K130" s="221"/>
      <c r="L130" s="221"/>
      <c r="M130" s="149"/>
      <c r="N130" s="149"/>
      <c r="O130" s="149"/>
      <c r="P130" s="221"/>
    </row>
    <row r="131" spans="5:16">
      <c r="E131" s="221"/>
      <c r="F131" s="221"/>
      <c r="G131" s="221"/>
      <c r="H131" s="221"/>
      <c r="I131" s="221"/>
      <c r="J131" s="221"/>
      <c r="K131" s="221"/>
      <c r="L131" s="221"/>
      <c r="M131" s="149"/>
      <c r="N131" s="149"/>
      <c r="O131" s="149"/>
      <c r="P131" s="221"/>
    </row>
    <row r="132" spans="5:16">
      <c r="E132" s="221"/>
      <c r="F132" s="221"/>
      <c r="G132" s="221"/>
      <c r="H132" s="221"/>
      <c r="I132" s="221"/>
      <c r="J132" s="221"/>
      <c r="K132" s="221"/>
      <c r="L132" s="221"/>
      <c r="M132" s="149"/>
      <c r="N132" s="149"/>
      <c r="O132" s="149"/>
      <c r="P132" s="221"/>
    </row>
    <row r="133" spans="5:16">
      <c r="E133" s="221"/>
      <c r="F133" s="221"/>
      <c r="G133" s="221"/>
      <c r="H133" s="221"/>
      <c r="I133" s="221"/>
      <c r="J133" s="221"/>
      <c r="K133" s="221"/>
      <c r="L133" s="221"/>
      <c r="M133" s="149"/>
      <c r="N133" s="149"/>
      <c r="O133" s="149"/>
      <c r="P133" s="221"/>
    </row>
    <row r="134" spans="5:16">
      <c r="E134" s="221"/>
      <c r="F134" s="221"/>
      <c r="G134" s="221"/>
      <c r="H134" s="221"/>
      <c r="I134" s="221"/>
      <c r="J134" s="221"/>
      <c r="K134" s="221"/>
      <c r="L134" s="221"/>
      <c r="M134" s="149"/>
      <c r="N134" s="149"/>
      <c r="O134" s="149"/>
      <c r="P134" s="221"/>
    </row>
    <row r="135" spans="5:16">
      <c r="E135" s="221"/>
      <c r="F135" s="221"/>
      <c r="G135" s="221"/>
      <c r="H135" s="221"/>
      <c r="I135" s="221"/>
      <c r="J135" s="221"/>
      <c r="K135" s="221"/>
      <c r="L135" s="221"/>
      <c r="M135" s="149"/>
      <c r="N135" s="149"/>
      <c r="O135" s="149"/>
      <c r="P135" s="221"/>
    </row>
    <row r="136" spans="5:16">
      <c r="E136" s="221"/>
      <c r="F136" s="221"/>
      <c r="G136" s="221"/>
      <c r="H136" s="221"/>
      <c r="I136" s="221"/>
      <c r="J136" s="221"/>
      <c r="K136" s="221"/>
      <c r="L136" s="221"/>
      <c r="M136" s="149"/>
      <c r="N136" s="149"/>
      <c r="O136" s="149"/>
      <c r="P136" s="221"/>
    </row>
    <row r="137" spans="5:16">
      <c r="E137" s="221"/>
      <c r="F137" s="221"/>
      <c r="G137" s="221"/>
      <c r="H137" s="221"/>
      <c r="I137" s="221"/>
      <c r="J137" s="221"/>
      <c r="K137" s="221"/>
      <c r="L137" s="221"/>
      <c r="M137" s="149"/>
      <c r="N137" s="149"/>
      <c r="O137" s="149"/>
      <c r="P137" s="221"/>
    </row>
    <row r="138" spans="5:16">
      <c r="E138" s="221"/>
      <c r="F138" s="221"/>
      <c r="G138" s="221"/>
      <c r="H138" s="221"/>
      <c r="I138" s="221"/>
      <c r="J138" s="221"/>
      <c r="K138" s="221"/>
      <c r="L138" s="221"/>
      <c r="M138" s="149"/>
      <c r="N138" s="149"/>
      <c r="O138" s="149"/>
      <c r="P138" s="221"/>
    </row>
    <row r="139" spans="5:16">
      <c r="E139" s="221"/>
      <c r="F139" s="221"/>
      <c r="G139" s="221"/>
      <c r="H139" s="221"/>
      <c r="I139" s="221"/>
      <c r="J139" s="221"/>
      <c r="K139" s="221"/>
      <c r="L139" s="221"/>
      <c r="M139" s="149"/>
      <c r="N139" s="149"/>
      <c r="O139" s="149"/>
      <c r="P139" s="221"/>
    </row>
    <row r="140" spans="5:16">
      <c r="E140" s="221"/>
      <c r="F140" s="221"/>
      <c r="G140" s="221"/>
      <c r="H140" s="221"/>
      <c r="I140" s="221"/>
      <c r="J140" s="221"/>
      <c r="K140" s="221"/>
      <c r="L140" s="221"/>
      <c r="M140" s="149"/>
      <c r="N140" s="149"/>
      <c r="O140" s="149"/>
      <c r="P140" s="221"/>
    </row>
    <row r="141" spans="5:16">
      <c r="E141" s="221"/>
      <c r="F141" s="221"/>
      <c r="G141" s="221"/>
      <c r="H141" s="221"/>
      <c r="I141" s="221"/>
      <c r="J141" s="221"/>
      <c r="K141" s="221"/>
      <c r="L141" s="221"/>
      <c r="M141" s="149"/>
      <c r="N141" s="149"/>
      <c r="O141" s="149"/>
      <c r="P141" s="221"/>
    </row>
    <row r="142" spans="5:16">
      <c r="E142" s="221"/>
      <c r="F142" s="221"/>
      <c r="G142" s="221"/>
      <c r="H142" s="221"/>
      <c r="I142" s="221"/>
      <c r="J142" s="221"/>
      <c r="K142" s="221"/>
      <c r="L142" s="221"/>
      <c r="M142" s="149"/>
      <c r="N142" s="149"/>
      <c r="O142" s="149"/>
      <c r="P142" s="221"/>
    </row>
    <row r="143" spans="5:16">
      <c r="E143" s="221"/>
      <c r="F143" s="221"/>
      <c r="G143" s="221"/>
      <c r="H143" s="221"/>
      <c r="I143" s="221"/>
      <c r="J143" s="221"/>
      <c r="K143" s="221"/>
      <c r="L143" s="221"/>
      <c r="M143" s="149"/>
      <c r="N143" s="149"/>
      <c r="O143" s="149"/>
      <c r="P143" s="221"/>
    </row>
    <row r="144" spans="5:16">
      <c r="E144" s="221"/>
      <c r="F144" s="221"/>
      <c r="G144" s="221"/>
      <c r="H144" s="221"/>
      <c r="I144" s="221"/>
      <c r="J144" s="221"/>
      <c r="K144" s="221"/>
      <c r="L144" s="221"/>
      <c r="M144" s="149"/>
      <c r="N144" s="149"/>
      <c r="O144" s="149"/>
      <c r="P144" s="221"/>
    </row>
    <row r="145" spans="5:16">
      <c r="E145" s="221"/>
      <c r="F145" s="221"/>
      <c r="G145" s="221"/>
      <c r="H145" s="221"/>
      <c r="I145" s="221"/>
      <c r="J145" s="221"/>
      <c r="K145" s="221"/>
      <c r="L145" s="221"/>
      <c r="M145" s="149"/>
      <c r="N145" s="149"/>
      <c r="O145" s="149"/>
      <c r="P145" s="221"/>
    </row>
    <row r="146" spans="5:16">
      <c r="E146" s="221"/>
      <c r="F146" s="221"/>
      <c r="G146" s="221"/>
      <c r="H146" s="221"/>
      <c r="I146" s="221"/>
      <c r="J146" s="221"/>
      <c r="K146" s="221"/>
      <c r="L146" s="221"/>
      <c r="M146" s="149"/>
      <c r="N146" s="149"/>
      <c r="O146" s="149"/>
      <c r="P146" s="221"/>
    </row>
    <row r="147" spans="5:16">
      <c r="E147" s="221"/>
      <c r="F147" s="221"/>
      <c r="G147" s="221"/>
      <c r="H147" s="221"/>
      <c r="I147" s="221"/>
      <c r="J147" s="221"/>
      <c r="K147" s="221"/>
      <c r="L147" s="221"/>
      <c r="M147" s="149"/>
      <c r="N147" s="149"/>
      <c r="O147" s="149"/>
      <c r="P147" s="221"/>
    </row>
    <row r="148" spans="5:16">
      <c r="E148" s="221"/>
      <c r="F148" s="221"/>
      <c r="G148" s="221"/>
      <c r="H148" s="221"/>
      <c r="I148" s="221"/>
      <c r="J148" s="221"/>
      <c r="K148" s="221"/>
      <c r="L148" s="221"/>
      <c r="M148" s="149"/>
      <c r="N148" s="149"/>
      <c r="O148" s="149"/>
      <c r="P148" s="221"/>
    </row>
    <row r="149" spans="5:16">
      <c r="E149" s="221"/>
      <c r="F149" s="221"/>
      <c r="G149" s="221"/>
      <c r="H149" s="221"/>
      <c r="I149" s="221"/>
      <c r="J149" s="221"/>
      <c r="K149" s="221"/>
      <c r="L149" s="221"/>
      <c r="M149" s="149"/>
      <c r="N149" s="149"/>
      <c r="O149" s="149"/>
      <c r="P149" s="221"/>
    </row>
  </sheetData>
  <mergeCells count="8">
    <mergeCell ref="B9:C9"/>
    <mergeCell ref="A1:D1"/>
    <mergeCell ref="A4:P4"/>
    <mergeCell ref="B6:C7"/>
    <mergeCell ref="F6:F7"/>
    <mergeCell ref="G6:I6"/>
    <mergeCell ref="J6:L6"/>
    <mergeCell ref="M6:O6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54" max="1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135"/>
  <sheetViews>
    <sheetView zoomScaleNormal="100" zoomScaleSheetLayoutView="130" workbookViewId="0">
      <pane ySplit="7" topLeftCell="A8" activePane="bottomLeft" state="frozen"/>
      <selection pane="bottomLeft" activeCell="A4" sqref="A4:P4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" style="44" customWidth="1"/>
    <col min="6" max="6" width="9.164062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10.33203125" style="45" customWidth="1"/>
    <col min="14" max="15" width="9.83203125" style="45" customWidth="1"/>
    <col min="16" max="16" width="12.83203125" style="46" customWidth="1"/>
    <col min="17" max="16384" width="9.33203125" style="44"/>
  </cols>
  <sheetData>
    <row r="1" spans="1:17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17" s="9" customFormat="1" ht="12" customHeight="1">
      <c r="N2" s="10"/>
    </row>
    <row r="3" spans="1:17">
      <c r="A3" s="44" t="s">
        <v>78</v>
      </c>
    </row>
    <row r="4" spans="1:17" s="47" customFormat="1" ht="26.25" customHeight="1">
      <c r="A4" s="406" t="s">
        <v>79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7" ht="20.100000000000001" customHeight="1" thickBot="1">
      <c r="A5" s="48" t="s">
        <v>80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51"/>
    </row>
    <row r="6" spans="1:17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20" t="s">
        <v>85</v>
      </c>
    </row>
    <row r="7" spans="1:17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21"/>
    </row>
    <row r="8" spans="1:17" s="64" customFormat="1" ht="18.600000000000001" customHeight="1" thickTop="1">
      <c r="B8" s="402" t="s">
        <v>92</v>
      </c>
      <c r="C8" s="403"/>
      <c r="D8" s="78"/>
      <c r="E8" s="79"/>
      <c r="F8" s="80">
        <v>55081</v>
      </c>
      <c r="G8" s="80">
        <v>100385</v>
      </c>
      <c r="H8" s="81">
        <v>48404</v>
      </c>
      <c r="I8" s="82">
        <v>51981</v>
      </c>
      <c r="J8" s="83">
        <v>8688</v>
      </c>
      <c r="K8" s="83">
        <v>70786</v>
      </c>
      <c r="L8" s="83">
        <v>17653</v>
      </c>
      <c r="M8" s="84">
        <v>418061</v>
      </c>
      <c r="N8" s="85">
        <v>349458</v>
      </c>
      <c r="O8" s="85">
        <v>27762</v>
      </c>
      <c r="P8" s="86">
        <v>430.4</v>
      </c>
    </row>
    <row r="9" spans="1:17" s="11" customFormat="1" ht="9" customHeight="1">
      <c r="B9" s="87"/>
      <c r="C9" s="88"/>
      <c r="D9" s="89"/>
      <c r="E9" s="90"/>
      <c r="F9" s="91"/>
      <c r="G9" s="91"/>
      <c r="H9" s="92"/>
      <c r="I9" s="93"/>
      <c r="J9" s="94" t="s">
        <v>50</v>
      </c>
      <c r="K9" s="94"/>
      <c r="L9" s="94"/>
      <c r="M9" s="95"/>
      <c r="N9" s="96"/>
      <c r="O9" s="96"/>
      <c r="P9" s="97"/>
    </row>
    <row r="10" spans="1:17" s="11" customFormat="1" ht="17.25" customHeight="1">
      <c r="B10" s="87" t="s">
        <v>93</v>
      </c>
      <c r="C10" s="88"/>
      <c r="D10" s="89"/>
      <c r="E10" s="90"/>
      <c r="F10" s="98">
        <v>2399</v>
      </c>
      <c r="G10" s="91">
        <v>4930</v>
      </c>
      <c r="H10" s="92">
        <v>2353</v>
      </c>
      <c r="I10" s="99">
        <v>2577</v>
      </c>
      <c r="J10" s="94">
        <v>376</v>
      </c>
      <c r="K10" s="94">
        <v>3376</v>
      </c>
      <c r="L10" s="94">
        <v>1055</v>
      </c>
      <c r="M10" s="95">
        <v>2857</v>
      </c>
      <c r="N10" s="96">
        <v>808</v>
      </c>
      <c r="O10" s="100">
        <v>0</v>
      </c>
      <c r="P10" s="97">
        <v>59.4</v>
      </c>
    </row>
    <row r="11" spans="1:17" s="11" customFormat="1" ht="17.25" customHeight="1">
      <c r="B11" s="87" t="s">
        <v>94</v>
      </c>
      <c r="C11" s="88" t="s">
        <v>26</v>
      </c>
      <c r="D11" s="89"/>
      <c r="E11" s="90"/>
      <c r="F11" s="98">
        <v>397</v>
      </c>
      <c r="G11" s="91">
        <v>698</v>
      </c>
      <c r="H11" s="92">
        <v>315</v>
      </c>
      <c r="I11" s="99">
        <v>383</v>
      </c>
      <c r="J11" s="94">
        <v>51</v>
      </c>
      <c r="K11" s="94">
        <v>524</v>
      </c>
      <c r="L11" s="94">
        <v>123</v>
      </c>
      <c r="M11" s="95">
        <v>650</v>
      </c>
      <c r="N11" s="96">
        <v>270</v>
      </c>
      <c r="O11" s="100">
        <v>0</v>
      </c>
      <c r="P11" s="97">
        <v>93.1</v>
      </c>
    </row>
    <row r="12" spans="1:17" s="11" customFormat="1" ht="17.25" customHeight="1">
      <c r="B12" s="87"/>
      <c r="C12" s="88" t="s">
        <v>27</v>
      </c>
      <c r="D12" s="89"/>
      <c r="E12" s="90"/>
      <c r="F12" s="98">
        <v>388</v>
      </c>
      <c r="G12" s="91">
        <v>702</v>
      </c>
      <c r="H12" s="92">
        <v>351</v>
      </c>
      <c r="I12" s="99">
        <v>351</v>
      </c>
      <c r="J12" s="94">
        <v>42</v>
      </c>
      <c r="K12" s="94">
        <v>496</v>
      </c>
      <c r="L12" s="94">
        <v>164</v>
      </c>
      <c r="M12" s="95">
        <v>1659</v>
      </c>
      <c r="N12" s="96">
        <v>549</v>
      </c>
      <c r="O12" s="96">
        <v>698</v>
      </c>
      <c r="P12" s="97">
        <v>236.3</v>
      </c>
    </row>
    <row r="13" spans="1:17" s="11" customFormat="1" ht="17.25" customHeight="1">
      <c r="B13" s="87" t="s">
        <v>95</v>
      </c>
      <c r="C13" s="88" t="s">
        <v>26</v>
      </c>
      <c r="D13" s="89"/>
      <c r="E13" s="90"/>
      <c r="F13" s="98">
        <v>36</v>
      </c>
      <c r="G13" s="91">
        <v>37</v>
      </c>
      <c r="H13" s="92">
        <v>34</v>
      </c>
      <c r="I13" s="99">
        <v>3</v>
      </c>
      <c r="J13" s="101" t="s">
        <v>96</v>
      </c>
      <c r="K13" s="94">
        <v>19</v>
      </c>
      <c r="L13" s="94">
        <v>3</v>
      </c>
      <c r="M13" s="95">
        <v>25604</v>
      </c>
      <c r="N13" s="96">
        <v>25587</v>
      </c>
      <c r="O13" s="96">
        <v>0</v>
      </c>
      <c r="P13" s="97">
        <v>116381.8</v>
      </c>
    </row>
    <row r="14" spans="1:17" s="11" customFormat="1" ht="17.25" customHeight="1">
      <c r="B14" s="87"/>
      <c r="C14" s="88" t="s">
        <v>27</v>
      </c>
      <c r="D14" s="89"/>
      <c r="E14" s="90"/>
      <c r="F14" s="98">
        <v>15</v>
      </c>
      <c r="G14" s="91">
        <v>21</v>
      </c>
      <c r="H14" s="92">
        <v>16</v>
      </c>
      <c r="I14" s="99">
        <v>5</v>
      </c>
      <c r="J14" s="101" t="s">
        <v>96</v>
      </c>
      <c r="K14" s="94">
        <v>13</v>
      </c>
      <c r="L14" s="94">
        <v>6</v>
      </c>
      <c r="M14" s="95">
        <v>13169</v>
      </c>
      <c r="N14" s="96">
        <v>13156</v>
      </c>
      <c r="O14" s="100">
        <v>0</v>
      </c>
      <c r="P14" s="97">
        <v>69310.5</v>
      </c>
    </row>
    <row r="15" spans="1:17" s="11" customFormat="1" ht="17.25" customHeight="1">
      <c r="B15" s="87"/>
      <c r="C15" s="88" t="s">
        <v>28</v>
      </c>
      <c r="D15" s="89"/>
      <c r="E15" s="90"/>
      <c r="F15" s="98">
        <v>23</v>
      </c>
      <c r="G15" s="91">
        <v>27</v>
      </c>
      <c r="H15" s="92">
        <v>20</v>
      </c>
      <c r="I15" s="99">
        <v>7</v>
      </c>
      <c r="J15" s="101" t="s">
        <v>96</v>
      </c>
      <c r="K15" s="94">
        <v>20</v>
      </c>
      <c r="L15" s="94">
        <v>7</v>
      </c>
      <c r="M15" s="95">
        <v>23021</v>
      </c>
      <c r="N15" s="96">
        <v>19070</v>
      </c>
      <c r="O15" s="96">
        <v>3925</v>
      </c>
      <c r="P15" s="97">
        <v>85263</v>
      </c>
    </row>
    <row r="16" spans="1:17" s="11" customFormat="1" ht="17.25" customHeight="1">
      <c r="B16" s="87" t="s">
        <v>97</v>
      </c>
      <c r="C16" s="88" t="s">
        <v>26</v>
      </c>
      <c r="D16" s="89"/>
      <c r="E16" s="90"/>
      <c r="F16" s="98">
        <v>36</v>
      </c>
      <c r="G16" s="91">
        <v>36</v>
      </c>
      <c r="H16" s="92">
        <v>31</v>
      </c>
      <c r="I16" s="99">
        <v>5</v>
      </c>
      <c r="J16" s="101" t="s">
        <v>96</v>
      </c>
      <c r="K16" s="94">
        <v>30</v>
      </c>
      <c r="L16" s="94">
        <v>6</v>
      </c>
      <c r="M16" s="102">
        <v>83</v>
      </c>
      <c r="N16" s="103">
        <v>47</v>
      </c>
      <c r="O16" s="100">
        <v>0</v>
      </c>
      <c r="P16" s="97">
        <v>230.6</v>
      </c>
      <c r="Q16" s="12"/>
    </row>
    <row r="17" spans="2:17" s="11" customFormat="1" ht="17.25" customHeight="1">
      <c r="B17" s="87"/>
      <c r="C17" s="88" t="s">
        <v>27</v>
      </c>
      <c r="D17" s="89"/>
      <c r="E17" s="90"/>
      <c r="F17" s="98">
        <v>142</v>
      </c>
      <c r="G17" s="91">
        <v>328</v>
      </c>
      <c r="H17" s="92">
        <v>149</v>
      </c>
      <c r="I17" s="99">
        <v>179</v>
      </c>
      <c r="J17" s="94">
        <v>28</v>
      </c>
      <c r="K17" s="94">
        <v>177</v>
      </c>
      <c r="L17" s="94">
        <v>123</v>
      </c>
      <c r="M17" s="102">
        <v>1306</v>
      </c>
      <c r="N17" s="103">
        <v>891</v>
      </c>
      <c r="O17" s="100">
        <v>225</v>
      </c>
      <c r="P17" s="97">
        <v>398.2</v>
      </c>
      <c r="Q17" s="12"/>
    </row>
    <row r="18" spans="2:17" s="11" customFormat="1" ht="17.25" customHeight="1">
      <c r="B18" s="87" t="s">
        <v>98</v>
      </c>
      <c r="C18" s="88"/>
      <c r="D18" s="89"/>
      <c r="E18" s="90"/>
      <c r="F18" s="101" t="s">
        <v>96</v>
      </c>
      <c r="G18" s="101" t="s">
        <v>96</v>
      </c>
      <c r="H18" s="101" t="s">
        <v>96</v>
      </c>
      <c r="I18" s="101" t="s">
        <v>96</v>
      </c>
      <c r="J18" s="101" t="s">
        <v>96</v>
      </c>
      <c r="K18" s="101" t="s">
        <v>96</v>
      </c>
      <c r="L18" s="101" t="s">
        <v>96</v>
      </c>
      <c r="M18" s="95">
        <v>1459</v>
      </c>
      <c r="N18" s="96">
        <v>1459</v>
      </c>
      <c r="O18" s="100">
        <v>0</v>
      </c>
      <c r="P18" s="104" t="s">
        <v>99</v>
      </c>
      <c r="Q18" s="12"/>
    </row>
    <row r="19" spans="2:17" s="11" customFormat="1" ht="17.25" customHeight="1">
      <c r="B19" s="87" t="s">
        <v>100</v>
      </c>
      <c r="C19" s="88" t="s">
        <v>26</v>
      </c>
      <c r="D19" s="89"/>
      <c r="E19" s="90"/>
      <c r="F19" s="98">
        <v>511</v>
      </c>
      <c r="G19" s="91">
        <v>1011</v>
      </c>
      <c r="H19" s="92">
        <v>480</v>
      </c>
      <c r="I19" s="99">
        <v>531</v>
      </c>
      <c r="J19" s="94">
        <v>80</v>
      </c>
      <c r="K19" s="94">
        <v>766</v>
      </c>
      <c r="L19" s="94">
        <v>165</v>
      </c>
      <c r="M19" s="95">
        <v>1123</v>
      </c>
      <c r="N19" s="96">
        <v>759</v>
      </c>
      <c r="O19" s="100">
        <v>0</v>
      </c>
      <c r="P19" s="97">
        <v>111.1</v>
      </c>
      <c r="Q19" s="12"/>
    </row>
    <row r="20" spans="2:17" s="11" customFormat="1" ht="17.25" customHeight="1">
      <c r="B20" s="87"/>
      <c r="C20" s="88" t="s">
        <v>27</v>
      </c>
      <c r="D20" s="89"/>
      <c r="E20" s="90"/>
      <c r="F20" s="98">
        <v>23</v>
      </c>
      <c r="G20" s="91">
        <v>72</v>
      </c>
      <c r="H20" s="92">
        <v>34</v>
      </c>
      <c r="I20" s="99">
        <v>38</v>
      </c>
      <c r="J20" s="94">
        <v>15</v>
      </c>
      <c r="K20" s="94">
        <v>42</v>
      </c>
      <c r="L20" s="94">
        <v>15</v>
      </c>
      <c r="M20" s="95">
        <v>736</v>
      </c>
      <c r="N20" s="96">
        <v>710</v>
      </c>
      <c r="O20" s="100">
        <v>0</v>
      </c>
      <c r="P20" s="97">
        <v>1022.2</v>
      </c>
      <c r="Q20" s="12"/>
    </row>
    <row r="21" spans="2:17" s="11" customFormat="1" ht="17.25" customHeight="1">
      <c r="B21" s="87" t="s">
        <v>101</v>
      </c>
      <c r="C21" s="88" t="s">
        <v>26</v>
      </c>
      <c r="D21" s="89"/>
      <c r="E21" s="90"/>
      <c r="F21" s="98">
        <v>232</v>
      </c>
      <c r="G21" s="91">
        <v>418</v>
      </c>
      <c r="H21" s="92">
        <v>194</v>
      </c>
      <c r="I21" s="99">
        <v>224</v>
      </c>
      <c r="J21" s="94">
        <v>26</v>
      </c>
      <c r="K21" s="94">
        <v>330</v>
      </c>
      <c r="L21" s="94">
        <v>62</v>
      </c>
      <c r="M21" s="95">
        <v>7083</v>
      </c>
      <c r="N21" s="96">
        <v>5191</v>
      </c>
      <c r="O21" s="100">
        <v>1715</v>
      </c>
      <c r="P21" s="97">
        <v>1694.5</v>
      </c>
    </row>
    <row r="22" spans="2:17" s="11" customFormat="1" ht="17.25" customHeight="1">
      <c r="B22" s="87"/>
      <c r="C22" s="88" t="s">
        <v>27</v>
      </c>
      <c r="D22" s="89"/>
      <c r="E22" s="90"/>
      <c r="F22" s="98">
        <v>755</v>
      </c>
      <c r="G22" s="91">
        <v>1309</v>
      </c>
      <c r="H22" s="92">
        <v>615</v>
      </c>
      <c r="I22" s="99">
        <v>694</v>
      </c>
      <c r="J22" s="94">
        <v>127</v>
      </c>
      <c r="K22" s="94">
        <v>1049</v>
      </c>
      <c r="L22" s="94">
        <v>119</v>
      </c>
      <c r="M22" s="95">
        <v>1539</v>
      </c>
      <c r="N22" s="96">
        <v>787</v>
      </c>
      <c r="O22" s="96">
        <v>273</v>
      </c>
      <c r="P22" s="97">
        <v>118.8</v>
      </c>
    </row>
    <row r="23" spans="2:17" s="11" customFormat="1" ht="17.25" customHeight="1">
      <c r="B23" s="87"/>
      <c r="C23" s="88" t="s">
        <v>28</v>
      </c>
      <c r="D23" s="89"/>
      <c r="E23" s="90"/>
      <c r="F23" s="98">
        <v>537</v>
      </c>
      <c r="G23" s="91">
        <v>1091</v>
      </c>
      <c r="H23" s="92">
        <v>524</v>
      </c>
      <c r="I23" s="99">
        <v>567</v>
      </c>
      <c r="J23" s="94">
        <v>139</v>
      </c>
      <c r="K23" s="94">
        <v>764</v>
      </c>
      <c r="L23" s="94">
        <v>186</v>
      </c>
      <c r="M23" s="95">
        <v>1664</v>
      </c>
      <c r="N23" s="96">
        <v>1222</v>
      </c>
      <c r="O23" s="100">
        <v>0</v>
      </c>
      <c r="P23" s="97">
        <v>152.80000000000001</v>
      </c>
    </row>
    <row r="24" spans="2:17" s="11" customFormat="1" ht="17.25" customHeight="1">
      <c r="B24" s="87"/>
      <c r="C24" s="88" t="s">
        <v>29</v>
      </c>
      <c r="D24" s="89"/>
      <c r="E24" s="90"/>
      <c r="F24" s="98">
        <v>421</v>
      </c>
      <c r="G24" s="91">
        <v>931</v>
      </c>
      <c r="H24" s="92">
        <v>472</v>
      </c>
      <c r="I24" s="99">
        <v>459</v>
      </c>
      <c r="J24" s="94">
        <v>123</v>
      </c>
      <c r="K24" s="94">
        <v>635</v>
      </c>
      <c r="L24" s="94">
        <v>169</v>
      </c>
      <c r="M24" s="95">
        <v>1153</v>
      </c>
      <c r="N24" s="96">
        <v>490</v>
      </c>
      <c r="O24" s="96">
        <v>297</v>
      </c>
      <c r="P24" s="97">
        <v>124.4</v>
      </c>
    </row>
    <row r="25" spans="2:17" s="11" customFormat="1" ht="17.25" customHeight="1">
      <c r="B25" s="87"/>
      <c r="C25" s="88" t="s">
        <v>30</v>
      </c>
      <c r="D25" s="89"/>
      <c r="E25" s="90"/>
      <c r="F25" s="98">
        <v>709</v>
      </c>
      <c r="G25" s="91">
        <v>1582</v>
      </c>
      <c r="H25" s="92">
        <v>780</v>
      </c>
      <c r="I25" s="99">
        <v>802</v>
      </c>
      <c r="J25" s="94">
        <v>204</v>
      </c>
      <c r="K25" s="94">
        <v>1174</v>
      </c>
      <c r="L25" s="94">
        <v>204</v>
      </c>
      <c r="M25" s="95">
        <v>1329</v>
      </c>
      <c r="N25" s="96">
        <v>808</v>
      </c>
      <c r="O25" s="100">
        <v>0</v>
      </c>
      <c r="P25" s="97">
        <v>84</v>
      </c>
    </row>
    <row r="26" spans="2:17" s="11" customFormat="1" ht="17.25" customHeight="1">
      <c r="B26" s="87" t="s">
        <v>102</v>
      </c>
      <c r="C26" s="88" t="s">
        <v>26</v>
      </c>
      <c r="D26" s="89"/>
      <c r="E26" s="90"/>
      <c r="F26" s="98">
        <v>540</v>
      </c>
      <c r="G26" s="91">
        <v>992</v>
      </c>
      <c r="H26" s="92">
        <v>467</v>
      </c>
      <c r="I26" s="99">
        <v>525</v>
      </c>
      <c r="J26" s="94">
        <v>85</v>
      </c>
      <c r="K26" s="94">
        <v>763</v>
      </c>
      <c r="L26" s="94">
        <v>144</v>
      </c>
      <c r="M26" s="95">
        <v>2446</v>
      </c>
      <c r="N26" s="96">
        <v>1991</v>
      </c>
      <c r="O26" s="100">
        <v>0</v>
      </c>
      <c r="P26" s="97">
        <v>246.6</v>
      </c>
    </row>
    <row r="27" spans="2:17" s="11" customFormat="1" ht="17.25" customHeight="1">
      <c r="B27" s="87"/>
      <c r="C27" s="88" t="s">
        <v>27</v>
      </c>
      <c r="D27" s="89"/>
      <c r="E27" s="90"/>
      <c r="F27" s="98">
        <v>304</v>
      </c>
      <c r="G27" s="91">
        <v>517</v>
      </c>
      <c r="H27" s="92">
        <v>232</v>
      </c>
      <c r="I27" s="99">
        <v>285</v>
      </c>
      <c r="J27" s="94">
        <v>17</v>
      </c>
      <c r="K27" s="94">
        <v>380</v>
      </c>
      <c r="L27" s="94">
        <v>120</v>
      </c>
      <c r="M27" s="95">
        <v>1506</v>
      </c>
      <c r="N27" s="96">
        <v>1189</v>
      </c>
      <c r="O27" s="100">
        <v>0</v>
      </c>
      <c r="P27" s="97">
        <v>291.3</v>
      </c>
    </row>
    <row r="28" spans="2:17" s="11" customFormat="1" ht="8.65" customHeight="1">
      <c r="B28" s="87"/>
      <c r="C28" s="415" t="s">
        <v>28</v>
      </c>
      <c r="D28" s="89"/>
      <c r="E28" s="404" t="s">
        <v>103</v>
      </c>
      <c r="F28" s="405">
        <v>473</v>
      </c>
      <c r="G28" s="91">
        <v>1029</v>
      </c>
      <c r="H28" s="405">
        <v>508</v>
      </c>
      <c r="I28" s="405">
        <v>521</v>
      </c>
      <c r="J28" s="427">
        <v>167</v>
      </c>
      <c r="K28" s="427">
        <v>729</v>
      </c>
      <c r="L28" s="427">
        <v>134</v>
      </c>
      <c r="M28" s="423">
        <v>1679</v>
      </c>
      <c r="N28" s="414">
        <v>679</v>
      </c>
      <c r="O28" s="414">
        <v>564</v>
      </c>
      <c r="P28" s="401">
        <v>163.19999999999999</v>
      </c>
      <c r="Q28" s="422"/>
    </row>
    <row r="29" spans="2:17" s="11" customFormat="1" ht="8.65" customHeight="1">
      <c r="B29" s="87"/>
      <c r="C29" s="415"/>
      <c r="D29" s="89"/>
      <c r="E29" s="404"/>
      <c r="F29" s="405"/>
      <c r="G29" s="107">
        <v>1034</v>
      </c>
      <c r="H29" s="405"/>
      <c r="I29" s="405"/>
      <c r="J29" s="427"/>
      <c r="K29" s="427"/>
      <c r="L29" s="427"/>
      <c r="M29" s="423"/>
      <c r="N29" s="414"/>
      <c r="O29" s="414"/>
      <c r="P29" s="401">
        <v>0</v>
      </c>
      <c r="Q29" s="422"/>
    </row>
    <row r="30" spans="2:17" s="11" customFormat="1" ht="17.25" customHeight="1">
      <c r="B30" s="87" t="s">
        <v>104</v>
      </c>
      <c r="C30" s="88"/>
      <c r="D30" s="89"/>
      <c r="E30" s="108" t="s">
        <v>105</v>
      </c>
      <c r="F30" s="98">
        <v>5</v>
      </c>
      <c r="G30" s="94">
        <v>5</v>
      </c>
      <c r="H30" s="98">
        <v>4</v>
      </c>
      <c r="I30" s="99">
        <v>1</v>
      </c>
      <c r="J30" s="104" t="s">
        <v>106</v>
      </c>
      <c r="K30" s="104" t="s">
        <v>106</v>
      </c>
      <c r="L30" s="104" t="s">
        <v>106</v>
      </c>
      <c r="M30" s="102">
        <v>14943</v>
      </c>
      <c r="N30" s="103">
        <v>14942</v>
      </c>
      <c r="O30" s="100">
        <v>0</v>
      </c>
      <c r="P30" s="109">
        <v>1494300</v>
      </c>
    </row>
    <row r="31" spans="2:17" s="11" customFormat="1" ht="17.25" customHeight="1">
      <c r="B31" s="87" t="s">
        <v>107</v>
      </c>
      <c r="C31" s="88"/>
      <c r="D31" s="89"/>
      <c r="E31" s="90"/>
      <c r="F31" s="98">
        <v>157</v>
      </c>
      <c r="G31" s="91">
        <v>298</v>
      </c>
      <c r="H31" s="92">
        <v>128</v>
      </c>
      <c r="I31" s="99">
        <v>170</v>
      </c>
      <c r="J31" s="94">
        <v>8</v>
      </c>
      <c r="K31" s="94">
        <v>129</v>
      </c>
      <c r="L31" s="94">
        <v>68</v>
      </c>
      <c r="M31" s="95">
        <v>1888</v>
      </c>
      <c r="N31" s="96">
        <v>1440</v>
      </c>
      <c r="O31" s="96">
        <v>370</v>
      </c>
      <c r="P31" s="97">
        <v>921</v>
      </c>
    </row>
    <row r="32" spans="2:17" s="11" customFormat="1" ht="17.25" customHeight="1">
      <c r="B32" s="87" t="s">
        <v>108</v>
      </c>
      <c r="C32" s="88"/>
      <c r="D32" s="89"/>
      <c r="E32" s="90"/>
      <c r="F32" s="98">
        <v>919</v>
      </c>
      <c r="G32" s="91">
        <v>1353</v>
      </c>
      <c r="H32" s="92">
        <v>646</v>
      </c>
      <c r="I32" s="99">
        <v>707</v>
      </c>
      <c r="J32" s="94">
        <v>88</v>
      </c>
      <c r="K32" s="94">
        <v>970</v>
      </c>
      <c r="L32" s="94">
        <v>215</v>
      </c>
      <c r="M32" s="95">
        <v>1121</v>
      </c>
      <c r="N32" s="96">
        <v>391</v>
      </c>
      <c r="O32" s="96">
        <v>247</v>
      </c>
      <c r="P32" s="97">
        <v>88.1</v>
      </c>
    </row>
    <row r="33" spans="2:16" s="11" customFormat="1" ht="17.25" customHeight="1">
      <c r="B33" s="87" t="s">
        <v>109</v>
      </c>
      <c r="C33" s="88"/>
      <c r="D33" s="89"/>
      <c r="E33" s="90"/>
      <c r="F33" s="98">
        <v>677</v>
      </c>
      <c r="G33" s="91">
        <v>1194</v>
      </c>
      <c r="H33" s="92">
        <v>570</v>
      </c>
      <c r="I33" s="99">
        <v>624</v>
      </c>
      <c r="J33" s="94">
        <v>75</v>
      </c>
      <c r="K33" s="94">
        <v>843</v>
      </c>
      <c r="L33" s="94">
        <v>276</v>
      </c>
      <c r="M33" s="95">
        <v>1259</v>
      </c>
      <c r="N33" s="96">
        <v>685</v>
      </c>
      <c r="O33" s="100">
        <v>0</v>
      </c>
      <c r="P33" s="97">
        <v>105.4</v>
      </c>
    </row>
    <row r="34" spans="2:16" s="11" customFormat="1" ht="17.25" customHeight="1">
      <c r="B34" s="87" t="s">
        <v>110</v>
      </c>
      <c r="C34" s="88"/>
      <c r="D34" s="89"/>
      <c r="E34" s="90"/>
      <c r="F34" s="98">
        <v>268</v>
      </c>
      <c r="G34" s="91">
        <v>428</v>
      </c>
      <c r="H34" s="92">
        <v>197</v>
      </c>
      <c r="I34" s="99">
        <v>231</v>
      </c>
      <c r="J34" s="94">
        <v>13</v>
      </c>
      <c r="K34" s="94">
        <v>327</v>
      </c>
      <c r="L34" s="94">
        <v>82</v>
      </c>
      <c r="M34" s="95">
        <v>1389</v>
      </c>
      <c r="N34" s="96">
        <v>1303</v>
      </c>
      <c r="O34" s="100">
        <v>0</v>
      </c>
      <c r="P34" s="97">
        <v>329.1</v>
      </c>
    </row>
    <row r="35" spans="2:16" s="11" customFormat="1" ht="17.25" customHeight="1">
      <c r="B35" s="87" t="s">
        <v>111</v>
      </c>
      <c r="C35" s="88" t="s">
        <v>26</v>
      </c>
      <c r="D35" s="89"/>
      <c r="E35" s="90"/>
      <c r="F35" s="98">
        <v>884</v>
      </c>
      <c r="G35" s="91">
        <v>1574</v>
      </c>
      <c r="H35" s="92">
        <v>738</v>
      </c>
      <c r="I35" s="99">
        <v>836</v>
      </c>
      <c r="J35" s="94">
        <v>122</v>
      </c>
      <c r="K35" s="94">
        <v>1208</v>
      </c>
      <c r="L35" s="94">
        <v>240</v>
      </c>
      <c r="M35" s="95">
        <v>1009</v>
      </c>
      <c r="N35" s="96">
        <v>292</v>
      </c>
      <c r="O35" s="100">
        <v>0</v>
      </c>
      <c r="P35" s="97">
        <v>64.3</v>
      </c>
    </row>
    <row r="36" spans="2:16" s="11" customFormat="1" ht="17.25" customHeight="1">
      <c r="B36" s="87"/>
      <c r="C36" s="88" t="s">
        <v>27</v>
      </c>
      <c r="D36" s="89"/>
      <c r="E36" s="90"/>
      <c r="F36" s="98">
        <v>567</v>
      </c>
      <c r="G36" s="91">
        <v>1011</v>
      </c>
      <c r="H36" s="92">
        <v>441</v>
      </c>
      <c r="I36" s="99">
        <v>570</v>
      </c>
      <c r="J36" s="94">
        <v>73</v>
      </c>
      <c r="K36" s="94">
        <v>723</v>
      </c>
      <c r="L36" s="94">
        <v>164</v>
      </c>
      <c r="M36" s="95">
        <v>836</v>
      </c>
      <c r="N36" s="96">
        <v>385</v>
      </c>
      <c r="O36" s="100">
        <v>0</v>
      </c>
      <c r="P36" s="97">
        <v>87.1</v>
      </c>
    </row>
    <row r="37" spans="2:16" s="11" customFormat="1" ht="17.25" customHeight="1">
      <c r="B37" s="87" t="s">
        <v>112</v>
      </c>
      <c r="C37" s="88"/>
      <c r="D37" s="89"/>
      <c r="E37" s="90"/>
      <c r="F37" s="98">
        <v>7</v>
      </c>
      <c r="G37" s="91">
        <v>7</v>
      </c>
      <c r="H37" s="92">
        <v>6</v>
      </c>
      <c r="I37" s="99">
        <v>1</v>
      </c>
      <c r="J37" s="101" t="s">
        <v>96</v>
      </c>
      <c r="K37" s="94" t="s">
        <v>96</v>
      </c>
      <c r="L37" s="94" t="s">
        <v>96</v>
      </c>
      <c r="M37" s="95">
        <v>2385</v>
      </c>
      <c r="N37" s="96">
        <v>2385</v>
      </c>
      <c r="O37" s="100">
        <v>0</v>
      </c>
      <c r="P37" s="109" t="s">
        <v>99</v>
      </c>
    </row>
    <row r="38" spans="2:16" s="11" customFormat="1" ht="18" customHeight="1">
      <c r="B38" s="87" t="s">
        <v>113</v>
      </c>
      <c r="C38" s="88" t="s">
        <v>26</v>
      </c>
      <c r="D38" s="89"/>
      <c r="E38" s="90"/>
      <c r="F38" s="98">
        <v>34</v>
      </c>
      <c r="G38" s="91">
        <v>49</v>
      </c>
      <c r="H38" s="92">
        <v>26</v>
      </c>
      <c r="I38" s="99">
        <v>23</v>
      </c>
      <c r="J38" s="94">
        <v>2</v>
      </c>
      <c r="K38" s="94">
        <v>21</v>
      </c>
      <c r="L38" s="94">
        <v>26</v>
      </c>
      <c r="M38" s="95">
        <v>13243</v>
      </c>
      <c r="N38" s="96">
        <v>13214</v>
      </c>
      <c r="O38" s="100">
        <v>0</v>
      </c>
      <c r="P38" s="97">
        <v>27026.5</v>
      </c>
    </row>
    <row r="39" spans="2:16" s="11" customFormat="1" ht="18" customHeight="1">
      <c r="B39" s="87"/>
      <c r="C39" s="88" t="s">
        <v>27</v>
      </c>
      <c r="D39" s="89"/>
      <c r="E39" s="90"/>
      <c r="F39" s="98">
        <v>52</v>
      </c>
      <c r="G39" s="91">
        <v>373</v>
      </c>
      <c r="H39" s="92">
        <v>138</v>
      </c>
      <c r="I39" s="99">
        <v>235</v>
      </c>
      <c r="J39" s="94">
        <v>71</v>
      </c>
      <c r="K39" s="94">
        <v>68</v>
      </c>
      <c r="L39" s="94">
        <v>234</v>
      </c>
      <c r="M39" s="95">
        <v>9247</v>
      </c>
      <c r="N39" s="96">
        <v>7475</v>
      </c>
      <c r="O39" s="96">
        <v>1421</v>
      </c>
      <c r="P39" s="97">
        <v>2479.1</v>
      </c>
    </row>
    <row r="40" spans="2:16" s="11" customFormat="1" ht="18" customHeight="1">
      <c r="B40" s="87" t="s">
        <v>114</v>
      </c>
      <c r="C40" s="88"/>
      <c r="D40" s="89"/>
      <c r="E40" s="90"/>
      <c r="F40" s="98">
        <v>437</v>
      </c>
      <c r="G40" s="91">
        <v>534</v>
      </c>
      <c r="H40" s="92">
        <v>306</v>
      </c>
      <c r="I40" s="99">
        <v>228</v>
      </c>
      <c r="J40" s="94">
        <v>15</v>
      </c>
      <c r="K40" s="94">
        <v>399</v>
      </c>
      <c r="L40" s="94">
        <v>30</v>
      </c>
      <c r="M40" s="95">
        <v>2481</v>
      </c>
      <c r="N40" s="96">
        <v>2220</v>
      </c>
      <c r="O40" s="100">
        <v>92</v>
      </c>
      <c r="P40" s="97">
        <v>558.79999999999995</v>
      </c>
    </row>
    <row r="41" spans="2:16" s="11" customFormat="1" ht="18" customHeight="1">
      <c r="B41" s="87" t="s">
        <v>115</v>
      </c>
      <c r="C41" s="88"/>
      <c r="D41" s="89"/>
      <c r="E41" s="90"/>
      <c r="F41" s="98">
        <v>462</v>
      </c>
      <c r="G41" s="91">
        <v>845</v>
      </c>
      <c r="H41" s="92">
        <v>376</v>
      </c>
      <c r="I41" s="99">
        <v>469</v>
      </c>
      <c r="J41" s="94">
        <v>73</v>
      </c>
      <c r="K41" s="94">
        <v>643</v>
      </c>
      <c r="L41" s="94">
        <v>99</v>
      </c>
      <c r="M41" s="95">
        <v>915</v>
      </c>
      <c r="N41" s="96">
        <v>595</v>
      </c>
      <c r="O41" s="100">
        <v>0</v>
      </c>
      <c r="P41" s="97">
        <v>112.3</v>
      </c>
    </row>
    <row r="42" spans="2:16" s="11" customFormat="1" ht="18" customHeight="1">
      <c r="B42" s="87" t="s">
        <v>116</v>
      </c>
      <c r="C42" s="88" t="s">
        <v>26</v>
      </c>
      <c r="D42" s="89"/>
      <c r="E42" s="90"/>
      <c r="F42" s="98">
        <v>140</v>
      </c>
      <c r="G42" s="91">
        <v>182</v>
      </c>
      <c r="H42" s="92">
        <v>90</v>
      </c>
      <c r="I42" s="99">
        <v>92</v>
      </c>
      <c r="J42" s="94">
        <v>14</v>
      </c>
      <c r="K42" s="94">
        <v>116</v>
      </c>
      <c r="L42" s="94">
        <v>52</v>
      </c>
      <c r="M42" s="95">
        <v>1960</v>
      </c>
      <c r="N42" s="96">
        <v>1830</v>
      </c>
      <c r="O42" s="100">
        <v>0</v>
      </c>
      <c r="P42" s="97">
        <v>1076.9000000000001</v>
      </c>
    </row>
    <row r="43" spans="2:16" s="11" customFormat="1" ht="18" customHeight="1">
      <c r="B43" s="87"/>
      <c r="C43" s="88" t="s">
        <v>27</v>
      </c>
      <c r="D43" s="89"/>
      <c r="E43" s="90"/>
      <c r="F43" s="98">
        <v>63</v>
      </c>
      <c r="G43" s="91">
        <v>90</v>
      </c>
      <c r="H43" s="92">
        <v>49</v>
      </c>
      <c r="I43" s="99">
        <v>41</v>
      </c>
      <c r="J43" s="101" t="s">
        <v>96</v>
      </c>
      <c r="K43" s="94">
        <v>49</v>
      </c>
      <c r="L43" s="94">
        <v>26</v>
      </c>
      <c r="M43" s="95">
        <v>6623</v>
      </c>
      <c r="N43" s="96">
        <v>6555</v>
      </c>
      <c r="O43" s="96">
        <v>36</v>
      </c>
      <c r="P43" s="97">
        <v>8830.7000000000007</v>
      </c>
    </row>
    <row r="44" spans="2:16" s="11" customFormat="1" ht="18" customHeight="1">
      <c r="B44" s="87" t="s">
        <v>117</v>
      </c>
      <c r="C44" s="88" t="s">
        <v>26</v>
      </c>
      <c r="D44" s="89"/>
      <c r="E44" s="90"/>
      <c r="F44" s="98">
        <v>53</v>
      </c>
      <c r="G44" s="91">
        <v>95</v>
      </c>
      <c r="H44" s="92">
        <v>37</v>
      </c>
      <c r="I44" s="99">
        <v>58</v>
      </c>
      <c r="J44" s="94">
        <v>1</v>
      </c>
      <c r="K44" s="94">
        <v>50</v>
      </c>
      <c r="L44" s="94">
        <v>44</v>
      </c>
      <c r="M44" s="95">
        <v>9822</v>
      </c>
      <c r="N44" s="96">
        <v>9793</v>
      </c>
      <c r="O44" s="100">
        <v>0</v>
      </c>
      <c r="P44" s="97">
        <v>10338.9</v>
      </c>
    </row>
    <row r="45" spans="2:16" s="11" customFormat="1" ht="18" customHeight="1">
      <c r="B45" s="87"/>
      <c r="C45" s="88" t="s">
        <v>27</v>
      </c>
      <c r="D45" s="89"/>
      <c r="E45" s="90"/>
      <c r="F45" s="98">
        <v>113</v>
      </c>
      <c r="G45" s="91">
        <v>153</v>
      </c>
      <c r="H45" s="92">
        <v>91</v>
      </c>
      <c r="I45" s="99">
        <v>62</v>
      </c>
      <c r="J45" s="94">
        <v>4</v>
      </c>
      <c r="K45" s="94">
        <v>124</v>
      </c>
      <c r="L45" s="94">
        <v>25</v>
      </c>
      <c r="M45" s="95">
        <v>4630</v>
      </c>
      <c r="N45" s="96">
        <v>3491</v>
      </c>
      <c r="O45" s="96">
        <v>1040</v>
      </c>
      <c r="P45" s="97">
        <v>3026.1</v>
      </c>
    </row>
    <row r="46" spans="2:16" s="11" customFormat="1" ht="18" customHeight="1">
      <c r="B46" s="87" t="s">
        <v>118</v>
      </c>
      <c r="C46" s="88"/>
      <c r="D46" s="89"/>
      <c r="E46" s="90"/>
      <c r="F46" s="98">
        <v>24</v>
      </c>
      <c r="G46" s="91">
        <v>47</v>
      </c>
      <c r="H46" s="92">
        <v>21</v>
      </c>
      <c r="I46" s="99">
        <v>26</v>
      </c>
      <c r="J46" s="94">
        <v>4</v>
      </c>
      <c r="K46" s="94">
        <v>23</v>
      </c>
      <c r="L46" s="94">
        <v>9</v>
      </c>
      <c r="M46" s="95">
        <v>5725</v>
      </c>
      <c r="N46" s="96">
        <v>5233</v>
      </c>
      <c r="O46" s="100">
        <v>482</v>
      </c>
      <c r="P46" s="97">
        <v>15902.8</v>
      </c>
    </row>
    <row r="47" spans="2:16" s="11" customFormat="1" ht="18" customHeight="1">
      <c r="B47" s="87" t="s">
        <v>119</v>
      </c>
      <c r="C47" s="88"/>
      <c r="D47" s="89"/>
      <c r="E47" s="90"/>
      <c r="F47" s="98">
        <v>52</v>
      </c>
      <c r="G47" s="91">
        <v>102</v>
      </c>
      <c r="H47" s="92">
        <v>46</v>
      </c>
      <c r="I47" s="99">
        <v>56</v>
      </c>
      <c r="J47" s="94">
        <v>2</v>
      </c>
      <c r="K47" s="94">
        <v>46</v>
      </c>
      <c r="L47" s="94">
        <v>38</v>
      </c>
      <c r="M47" s="95">
        <v>8469</v>
      </c>
      <c r="N47" s="96">
        <v>7668</v>
      </c>
      <c r="O47" s="96">
        <v>761</v>
      </c>
      <c r="P47" s="97">
        <v>9847.7000000000007</v>
      </c>
    </row>
    <row r="48" spans="2:16" s="11" customFormat="1" ht="18" customHeight="1">
      <c r="B48" s="87" t="s">
        <v>120</v>
      </c>
      <c r="C48" s="88"/>
      <c r="D48" s="89"/>
      <c r="E48" s="90"/>
      <c r="F48" s="98">
        <v>281</v>
      </c>
      <c r="G48" s="91">
        <v>477</v>
      </c>
      <c r="H48" s="92">
        <v>207</v>
      </c>
      <c r="I48" s="99">
        <v>270</v>
      </c>
      <c r="J48" s="94">
        <v>22</v>
      </c>
      <c r="K48" s="94">
        <v>300</v>
      </c>
      <c r="L48" s="94">
        <v>119</v>
      </c>
      <c r="M48" s="95">
        <v>1500</v>
      </c>
      <c r="N48" s="96">
        <v>1304</v>
      </c>
      <c r="O48" s="100">
        <v>0</v>
      </c>
      <c r="P48" s="97">
        <v>340.1</v>
      </c>
    </row>
    <row r="49" spans="2:16" s="11" customFormat="1" ht="16.5" customHeight="1">
      <c r="B49" s="110" t="s">
        <v>121</v>
      </c>
      <c r="C49" s="111"/>
      <c r="D49" s="112"/>
      <c r="E49" s="113"/>
      <c r="F49" s="114">
        <v>155</v>
      </c>
      <c r="G49" s="115">
        <v>281</v>
      </c>
      <c r="H49" s="116">
        <v>144</v>
      </c>
      <c r="I49" s="117">
        <v>137</v>
      </c>
      <c r="J49" s="118">
        <v>19</v>
      </c>
      <c r="K49" s="118">
        <v>192</v>
      </c>
      <c r="L49" s="118">
        <v>49</v>
      </c>
      <c r="M49" s="119">
        <v>800</v>
      </c>
      <c r="N49" s="120">
        <v>729</v>
      </c>
      <c r="O49" s="121">
        <v>0</v>
      </c>
      <c r="P49" s="122">
        <v>307.7</v>
      </c>
    </row>
    <row r="50" spans="2:16" s="11" customFormat="1" ht="15" customHeight="1">
      <c r="B50" s="87" t="s">
        <v>122</v>
      </c>
      <c r="C50" s="88" t="s">
        <v>26</v>
      </c>
      <c r="D50" s="89"/>
      <c r="E50" s="90"/>
      <c r="F50" s="98">
        <v>696</v>
      </c>
      <c r="G50" s="91">
        <v>1168</v>
      </c>
      <c r="H50" s="92">
        <v>580</v>
      </c>
      <c r="I50" s="99">
        <v>588</v>
      </c>
      <c r="J50" s="94">
        <v>85</v>
      </c>
      <c r="K50" s="94">
        <v>852</v>
      </c>
      <c r="L50" s="94">
        <v>221</v>
      </c>
      <c r="M50" s="95">
        <v>2251</v>
      </c>
      <c r="N50" s="96">
        <v>1779</v>
      </c>
      <c r="O50" s="100">
        <v>0</v>
      </c>
      <c r="P50" s="97">
        <v>194.4</v>
      </c>
    </row>
    <row r="51" spans="2:16" s="11" customFormat="1" ht="17.25" customHeight="1">
      <c r="B51" s="87"/>
      <c r="C51" s="88" t="s">
        <v>27</v>
      </c>
      <c r="D51" s="89"/>
      <c r="E51" s="90"/>
      <c r="F51" s="98">
        <v>345</v>
      </c>
      <c r="G51" s="94">
        <v>649</v>
      </c>
      <c r="H51" s="98">
        <v>300</v>
      </c>
      <c r="I51" s="123">
        <v>349</v>
      </c>
      <c r="J51" s="94">
        <v>55</v>
      </c>
      <c r="K51" s="94">
        <v>435</v>
      </c>
      <c r="L51" s="94">
        <v>148</v>
      </c>
      <c r="M51" s="95">
        <v>3442</v>
      </c>
      <c r="N51" s="96">
        <v>3187</v>
      </c>
      <c r="O51" s="96">
        <v>61</v>
      </c>
      <c r="P51" s="97">
        <v>539.5</v>
      </c>
    </row>
    <row r="52" spans="2:16" s="11" customFormat="1" ht="17.25" customHeight="1">
      <c r="B52" s="87"/>
      <c r="C52" s="88" t="s">
        <v>28</v>
      </c>
      <c r="D52" s="89"/>
      <c r="E52" s="90"/>
      <c r="F52" s="98">
        <v>1109</v>
      </c>
      <c r="G52" s="94">
        <v>1988</v>
      </c>
      <c r="H52" s="98">
        <v>876</v>
      </c>
      <c r="I52" s="123">
        <v>1112</v>
      </c>
      <c r="J52" s="94">
        <v>129</v>
      </c>
      <c r="K52" s="94">
        <v>1178</v>
      </c>
      <c r="L52" s="94">
        <v>388</v>
      </c>
      <c r="M52" s="95">
        <v>2952</v>
      </c>
      <c r="N52" s="96">
        <v>2415</v>
      </c>
      <c r="O52" s="103">
        <v>0</v>
      </c>
      <c r="P52" s="97">
        <v>174.2</v>
      </c>
    </row>
    <row r="53" spans="2:16" s="11" customFormat="1" ht="17.25" customHeight="1">
      <c r="B53" s="87" t="s">
        <v>123</v>
      </c>
      <c r="C53" s="88" t="s">
        <v>29</v>
      </c>
      <c r="D53" s="89"/>
      <c r="E53" s="90"/>
      <c r="F53" s="98">
        <v>635</v>
      </c>
      <c r="G53" s="94">
        <v>1092</v>
      </c>
      <c r="H53" s="98">
        <v>509</v>
      </c>
      <c r="I53" s="123">
        <v>583</v>
      </c>
      <c r="J53" s="94">
        <v>63</v>
      </c>
      <c r="K53" s="94">
        <v>703</v>
      </c>
      <c r="L53" s="94">
        <v>217</v>
      </c>
      <c r="M53" s="95">
        <v>2120</v>
      </c>
      <c r="N53" s="96">
        <v>1764</v>
      </c>
      <c r="O53" s="103">
        <v>0</v>
      </c>
      <c r="P53" s="97">
        <v>215.7</v>
      </c>
    </row>
    <row r="54" spans="2:16" s="11" customFormat="1" ht="17.25" customHeight="1">
      <c r="B54" s="87"/>
      <c r="C54" s="88" t="s">
        <v>30</v>
      </c>
      <c r="D54" s="89"/>
      <c r="E54" s="90"/>
      <c r="F54" s="98">
        <v>306</v>
      </c>
      <c r="G54" s="94">
        <v>529</v>
      </c>
      <c r="H54" s="98">
        <v>249</v>
      </c>
      <c r="I54" s="123">
        <v>280</v>
      </c>
      <c r="J54" s="94">
        <v>30</v>
      </c>
      <c r="K54" s="94">
        <v>317</v>
      </c>
      <c r="L54" s="94">
        <v>142</v>
      </c>
      <c r="M54" s="95">
        <v>1467</v>
      </c>
      <c r="N54" s="96">
        <v>1268</v>
      </c>
      <c r="O54" s="103">
        <v>0</v>
      </c>
      <c r="P54" s="97">
        <v>300</v>
      </c>
    </row>
    <row r="55" spans="2:16" s="11" customFormat="1" ht="17.25" customHeight="1">
      <c r="B55" s="87"/>
      <c r="C55" s="88" t="s">
        <v>31</v>
      </c>
      <c r="D55" s="89"/>
      <c r="E55" s="90"/>
      <c r="F55" s="98">
        <v>293</v>
      </c>
      <c r="G55" s="94">
        <v>519</v>
      </c>
      <c r="H55" s="98">
        <v>257</v>
      </c>
      <c r="I55" s="123">
        <v>262</v>
      </c>
      <c r="J55" s="94">
        <v>47</v>
      </c>
      <c r="K55" s="94">
        <v>327</v>
      </c>
      <c r="L55" s="94">
        <v>132</v>
      </c>
      <c r="M55" s="95">
        <v>1023</v>
      </c>
      <c r="N55" s="96">
        <v>813</v>
      </c>
      <c r="O55" s="103">
        <v>0</v>
      </c>
      <c r="P55" s="97">
        <v>202.2</v>
      </c>
    </row>
    <row r="56" spans="2:16" s="11" customFormat="1" ht="17.25" customHeight="1">
      <c r="B56" s="87"/>
      <c r="C56" s="88" t="s">
        <v>32</v>
      </c>
      <c r="D56" s="89"/>
      <c r="E56" s="90"/>
      <c r="F56" s="98">
        <v>743</v>
      </c>
      <c r="G56" s="94">
        <v>1204</v>
      </c>
      <c r="H56" s="98">
        <v>588</v>
      </c>
      <c r="I56" s="123">
        <v>616</v>
      </c>
      <c r="J56" s="94">
        <v>90</v>
      </c>
      <c r="K56" s="94">
        <v>892</v>
      </c>
      <c r="L56" s="94">
        <v>217</v>
      </c>
      <c r="M56" s="95">
        <v>3167</v>
      </c>
      <c r="N56" s="96">
        <v>2176</v>
      </c>
      <c r="O56" s="96">
        <v>321</v>
      </c>
      <c r="P56" s="97">
        <v>264.10000000000002</v>
      </c>
    </row>
    <row r="57" spans="2:16" s="11" customFormat="1" ht="17.25" customHeight="1">
      <c r="B57" s="87"/>
      <c r="C57" s="88" t="s">
        <v>33</v>
      </c>
      <c r="D57" s="89"/>
      <c r="E57" s="90"/>
      <c r="F57" s="98">
        <v>392</v>
      </c>
      <c r="G57" s="94">
        <v>660</v>
      </c>
      <c r="H57" s="98">
        <v>342</v>
      </c>
      <c r="I57" s="123">
        <v>318</v>
      </c>
      <c r="J57" s="94">
        <v>50</v>
      </c>
      <c r="K57" s="94">
        <v>418</v>
      </c>
      <c r="L57" s="94">
        <v>174</v>
      </c>
      <c r="M57" s="95">
        <v>715</v>
      </c>
      <c r="N57" s="96">
        <v>356</v>
      </c>
      <c r="O57" s="103">
        <v>0</v>
      </c>
      <c r="P57" s="97">
        <v>111.4</v>
      </c>
    </row>
    <row r="58" spans="2:16" s="11" customFormat="1" ht="17.25" customHeight="1">
      <c r="B58" s="87" t="s">
        <v>124</v>
      </c>
      <c r="C58" s="88" t="s">
        <v>26</v>
      </c>
      <c r="D58" s="89"/>
      <c r="E58" s="90"/>
      <c r="F58" s="98">
        <v>1062</v>
      </c>
      <c r="G58" s="94">
        <v>2155</v>
      </c>
      <c r="H58" s="98">
        <v>1083</v>
      </c>
      <c r="I58" s="123">
        <v>1072</v>
      </c>
      <c r="J58" s="94">
        <v>272</v>
      </c>
      <c r="K58" s="94">
        <v>1573</v>
      </c>
      <c r="L58" s="94">
        <v>230</v>
      </c>
      <c r="M58" s="95">
        <v>4750</v>
      </c>
      <c r="N58" s="96">
        <v>2550</v>
      </c>
      <c r="O58" s="96">
        <v>1564</v>
      </c>
      <c r="P58" s="97">
        <v>228.9</v>
      </c>
    </row>
    <row r="59" spans="2:16" s="11" customFormat="1" ht="17.25" customHeight="1">
      <c r="B59" s="87"/>
      <c r="C59" s="88" t="s">
        <v>27</v>
      </c>
      <c r="D59" s="89"/>
      <c r="E59" s="90"/>
      <c r="F59" s="98">
        <v>858</v>
      </c>
      <c r="G59" s="94">
        <v>1578</v>
      </c>
      <c r="H59" s="98">
        <v>688</v>
      </c>
      <c r="I59" s="123">
        <v>890</v>
      </c>
      <c r="J59" s="94">
        <v>125</v>
      </c>
      <c r="K59" s="94">
        <v>1055</v>
      </c>
      <c r="L59" s="94">
        <v>192</v>
      </c>
      <c r="M59" s="95">
        <v>2432</v>
      </c>
      <c r="N59" s="96">
        <v>1777</v>
      </c>
      <c r="O59" s="96">
        <v>282</v>
      </c>
      <c r="P59" s="97">
        <v>177.3</v>
      </c>
    </row>
    <row r="60" spans="2:16" s="11" customFormat="1" ht="17.25" customHeight="1">
      <c r="B60" s="87"/>
      <c r="C60" s="88" t="s">
        <v>28</v>
      </c>
      <c r="D60" s="89"/>
      <c r="E60" s="90"/>
      <c r="F60" s="98">
        <v>555</v>
      </c>
      <c r="G60" s="94">
        <v>824</v>
      </c>
      <c r="H60" s="98">
        <v>413</v>
      </c>
      <c r="I60" s="123">
        <v>411</v>
      </c>
      <c r="J60" s="94">
        <v>51</v>
      </c>
      <c r="K60" s="94">
        <v>526</v>
      </c>
      <c r="L60" s="94">
        <v>104</v>
      </c>
      <c r="M60" s="95">
        <v>1582</v>
      </c>
      <c r="N60" s="96">
        <v>1324</v>
      </c>
      <c r="O60" s="103">
        <v>0</v>
      </c>
      <c r="P60" s="97">
        <v>232.3</v>
      </c>
    </row>
    <row r="61" spans="2:16" s="11" customFormat="1" ht="17.25" customHeight="1">
      <c r="B61" s="87"/>
      <c r="C61" s="88" t="s">
        <v>29</v>
      </c>
      <c r="D61" s="89"/>
      <c r="E61" s="90"/>
      <c r="F61" s="98">
        <v>512</v>
      </c>
      <c r="G61" s="94">
        <v>858</v>
      </c>
      <c r="H61" s="98">
        <v>418</v>
      </c>
      <c r="I61" s="123">
        <v>440</v>
      </c>
      <c r="J61" s="94">
        <v>62</v>
      </c>
      <c r="K61" s="94">
        <v>607</v>
      </c>
      <c r="L61" s="94">
        <v>139</v>
      </c>
      <c r="M61" s="95">
        <v>2017</v>
      </c>
      <c r="N61" s="96">
        <v>1692</v>
      </c>
      <c r="O61" s="103">
        <v>0</v>
      </c>
      <c r="P61" s="97">
        <v>249.6</v>
      </c>
    </row>
    <row r="62" spans="2:16" s="11" customFormat="1" ht="17.25" customHeight="1">
      <c r="B62" s="87" t="s">
        <v>125</v>
      </c>
      <c r="C62" s="88" t="s">
        <v>26</v>
      </c>
      <c r="D62" s="89"/>
      <c r="E62" s="90"/>
      <c r="F62" s="98">
        <v>781</v>
      </c>
      <c r="G62" s="94">
        <v>1240</v>
      </c>
      <c r="H62" s="98">
        <v>630</v>
      </c>
      <c r="I62" s="123">
        <v>610</v>
      </c>
      <c r="J62" s="94">
        <v>95</v>
      </c>
      <c r="K62" s="94">
        <v>968</v>
      </c>
      <c r="L62" s="94">
        <v>164</v>
      </c>
      <c r="M62" s="95">
        <v>9333</v>
      </c>
      <c r="N62" s="96">
        <v>8750</v>
      </c>
      <c r="O62" s="96">
        <v>241</v>
      </c>
      <c r="P62" s="97">
        <v>760.6</v>
      </c>
    </row>
    <row r="63" spans="2:16" s="11" customFormat="1" ht="17.25" customHeight="1">
      <c r="B63" s="87"/>
      <c r="C63" s="88" t="s">
        <v>27</v>
      </c>
      <c r="D63" s="89"/>
      <c r="E63" s="90"/>
      <c r="F63" s="98">
        <v>720</v>
      </c>
      <c r="G63" s="94">
        <v>1494</v>
      </c>
      <c r="H63" s="98">
        <v>678</v>
      </c>
      <c r="I63" s="123">
        <v>816</v>
      </c>
      <c r="J63" s="94">
        <v>140</v>
      </c>
      <c r="K63" s="94">
        <v>1059</v>
      </c>
      <c r="L63" s="94">
        <v>221</v>
      </c>
      <c r="M63" s="95">
        <v>705</v>
      </c>
      <c r="N63" s="96">
        <v>139</v>
      </c>
      <c r="O63" s="96">
        <v>0</v>
      </c>
      <c r="P63" s="97">
        <v>49.6</v>
      </c>
    </row>
    <row r="64" spans="2:16" s="11" customFormat="1" ht="17.25" customHeight="1">
      <c r="B64" s="87"/>
      <c r="C64" s="88" t="s">
        <v>28</v>
      </c>
      <c r="D64" s="89"/>
      <c r="E64" s="90"/>
      <c r="F64" s="98">
        <v>215</v>
      </c>
      <c r="G64" s="94">
        <v>272</v>
      </c>
      <c r="H64" s="98">
        <v>129</v>
      </c>
      <c r="I64" s="123">
        <v>143</v>
      </c>
      <c r="J64" s="94">
        <v>9</v>
      </c>
      <c r="K64" s="94">
        <v>219</v>
      </c>
      <c r="L64" s="94">
        <v>42</v>
      </c>
      <c r="M64" s="95">
        <v>752</v>
      </c>
      <c r="N64" s="96">
        <v>492</v>
      </c>
      <c r="O64" s="103">
        <v>123</v>
      </c>
      <c r="P64" s="97">
        <v>278.5</v>
      </c>
    </row>
    <row r="65" spans="2:16" s="11" customFormat="1" ht="17.25" customHeight="1">
      <c r="B65" s="87" t="s">
        <v>126</v>
      </c>
      <c r="C65" s="88"/>
      <c r="D65" s="89"/>
      <c r="E65" s="90"/>
      <c r="F65" s="98">
        <v>141</v>
      </c>
      <c r="G65" s="94">
        <v>221</v>
      </c>
      <c r="H65" s="98">
        <v>114</v>
      </c>
      <c r="I65" s="123">
        <v>107</v>
      </c>
      <c r="J65" s="94">
        <v>9</v>
      </c>
      <c r="K65" s="94">
        <v>147</v>
      </c>
      <c r="L65" s="94">
        <v>38</v>
      </c>
      <c r="M65" s="95">
        <v>2626</v>
      </c>
      <c r="N65" s="96">
        <v>2553</v>
      </c>
      <c r="O65" s="103">
        <v>0</v>
      </c>
      <c r="P65" s="97">
        <v>1353.6</v>
      </c>
    </row>
    <row r="66" spans="2:16" s="11" customFormat="1" ht="17.25" customHeight="1">
      <c r="B66" s="87" t="s">
        <v>127</v>
      </c>
      <c r="C66" s="88" t="s">
        <v>26</v>
      </c>
      <c r="D66" s="89"/>
      <c r="E66" s="90"/>
      <c r="F66" s="98">
        <v>609</v>
      </c>
      <c r="G66" s="94">
        <v>950</v>
      </c>
      <c r="H66" s="98">
        <v>490</v>
      </c>
      <c r="I66" s="123">
        <v>460</v>
      </c>
      <c r="J66" s="94">
        <v>57</v>
      </c>
      <c r="K66" s="94">
        <v>742</v>
      </c>
      <c r="L66" s="94">
        <v>137</v>
      </c>
      <c r="M66" s="95">
        <v>1793</v>
      </c>
      <c r="N66" s="96">
        <v>1575</v>
      </c>
      <c r="O66" s="103">
        <v>0</v>
      </c>
      <c r="P66" s="97">
        <v>191.6</v>
      </c>
    </row>
    <row r="67" spans="2:16" s="11" customFormat="1" ht="17.25" customHeight="1">
      <c r="B67" s="87"/>
      <c r="C67" s="88" t="s">
        <v>27</v>
      </c>
      <c r="D67" s="89"/>
      <c r="E67" s="90"/>
      <c r="F67" s="98">
        <v>1959</v>
      </c>
      <c r="G67" s="94">
        <v>3313</v>
      </c>
      <c r="H67" s="98">
        <v>1532</v>
      </c>
      <c r="I67" s="123">
        <v>1781</v>
      </c>
      <c r="J67" s="94">
        <v>309</v>
      </c>
      <c r="K67" s="94">
        <v>2526</v>
      </c>
      <c r="L67" s="94">
        <v>305</v>
      </c>
      <c r="M67" s="95">
        <v>2833</v>
      </c>
      <c r="N67" s="96">
        <v>1794</v>
      </c>
      <c r="O67" s="103">
        <v>0</v>
      </c>
      <c r="P67" s="97">
        <v>90.2</v>
      </c>
    </row>
    <row r="68" spans="2:16" s="11" customFormat="1" ht="17.25" customHeight="1">
      <c r="B68" s="87" t="s">
        <v>128</v>
      </c>
      <c r="C68" s="88" t="s">
        <v>26</v>
      </c>
      <c r="D68" s="89"/>
      <c r="E68" s="90"/>
      <c r="F68" s="98">
        <v>41</v>
      </c>
      <c r="G68" s="94">
        <v>65</v>
      </c>
      <c r="H68" s="98">
        <v>35</v>
      </c>
      <c r="I68" s="123">
        <v>30</v>
      </c>
      <c r="J68" s="94">
        <v>2</v>
      </c>
      <c r="K68" s="94">
        <v>27</v>
      </c>
      <c r="L68" s="94">
        <v>23</v>
      </c>
      <c r="M68" s="95">
        <v>9857</v>
      </c>
      <c r="N68" s="96">
        <v>9828</v>
      </c>
      <c r="O68" s="96">
        <v>0</v>
      </c>
      <c r="P68" s="97">
        <v>18955.8</v>
      </c>
    </row>
    <row r="69" spans="2:16" s="11" customFormat="1" ht="17.25" customHeight="1">
      <c r="B69" s="87"/>
      <c r="C69" s="88" t="s">
        <v>27</v>
      </c>
      <c r="D69" s="89"/>
      <c r="E69" s="90"/>
      <c r="F69" s="98">
        <v>32</v>
      </c>
      <c r="G69" s="94">
        <v>55</v>
      </c>
      <c r="H69" s="98">
        <v>30</v>
      </c>
      <c r="I69" s="123">
        <v>25</v>
      </c>
      <c r="J69" s="94">
        <v>3</v>
      </c>
      <c r="K69" s="94">
        <v>35</v>
      </c>
      <c r="L69" s="94">
        <v>17</v>
      </c>
      <c r="M69" s="95">
        <v>9076</v>
      </c>
      <c r="N69" s="96">
        <v>7527</v>
      </c>
      <c r="O69" s="103">
        <v>1537</v>
      </c>
      <c r="P69" s="97">
        <v>16501.8</v>
      </c>
    </row>
    <row r="70" spans="2:16" s="11" customFormat="1" ht="9" customHeight="1">
      <c r="B70" s="87"/>
      <c r="C70" s="415" t="s">
        <v>28</v>
      </c>
      <c r="D70" s="89"/>
      <c r="E70" s="426" t="s">
        <v>129</v>
      </c>
      <c r="F70" s="405">
        <v>32</v>
      </c>
      <c r="G70" s="94">
        <v>72</v>
      </c>
      <c r="H70" s="405">
        <v>37</v>
      </c>
      <c r="I70" s="405">
        <v>35</v>
      </c>
      <c r="J70" s="427">
        <v>5</v>
      </c>
      <c r="K70" s="427">
        <v>42</v>
      </c>
      <c r="L70" s="428">
        <v>31</v>
      </c>
      <c r="M70" s="425">
        <v>1766</v>
      </c>
      <c r="N70" s="416">
        <v>1743</v>
      </c>
      <c r="O70" s="416">
        <v>0</v>
      </c>
      <c r="P70" s="424">
        <v>2452.8000000000002</v>
      </c>
    </row>
    <row r="71" spans="2:16" s="11" customFormat="1" ht="9" customHeight="1">
      <c r="B71" s="87"/>
      <c r="C71" s="415"/>
      <c r="D71" s="89"/>
      <c r="E71" s="426"/>
      <c r="F71" s="405"/>
      <c r="G71" s="107">
        <v>80</v>
      </c>
      <c r="H71" s="405"/>
      <c r="I71" s="405"/>
      <c r="J71" s="427"/>
      <c r="K71" s="427"/>
      <c r="L71" s="428"/>
      <c r="M71" s="425"/>
      <c r="N71" s="416"/>
      <c r="O71" s="416"/>
      <c r="P71" s="424">
        <v>0</v>
      </c>
    </row>
    <row r="72" spans="2:16" s="11" customFormat="1" ht="17.25" customHeight="1">
      <c r="B72" s="87" t="s">
        <v>130</v>
      </c>
      <c r="C72" s="88" t="s">
        <v>26</v>
      </c>
      <c r="D72" s="89"/>
      <c r="E72" s="124" t="s">
        <v>131</v>
      </c>
      <c r="F72" s="98">
        <v>6</v>
      </c>
      <c r="G72" s="94">
        <v>8</v>
      </c>
      <c r="H72" s="98">
        <v>6</v>
      </c>
      <c r="I72" s="98">
        <v>2</v>
      </c>
      <c r="J72" s="104" t="s">
        <v>106</v>
      </c>
      <c r="K72" s="104" t="s">
        <v>106</v>
      </c>
      <c r="L72" s="104" t="s">
        <v>106</v>
      </c>
      <c r="M72" s="125">
        <v>7390</v>
      </c>
      <c r="N72" s="100">
        <v>6586</v>
      </c>
      <c r="O72" s="100">
        <v>799</v>
      </c>
      <c r="P72" s="109">
        <v>123166.7</v>
      </c>
    </row>
    <row r="73" spans="2:16" s="11" customFormat="1" ht="17.25" customHeight="1">
      <c r="B73" s="87"/>
      <c r="C73" s="88" t="s">
        <v>27</v>
      </c>
      <c r="D73" s="89"/>
      <c r="E73" s="124"/>
      <c r="F73" s="98" t="s">
        <v>96</v>
      </c>
      <c r="G73" s="98" t="s">
        <v>96</v>
      </c>
      <c r="H73" s="98" t="s">
        <v>96</v>
      </c>
      <c r="I73" s="98" t="s">
        <v>96</v>
      </c>
      <c r="J73" s="98" t="s">
        <v>96</v>
      </c>
      <c r="K73" s="98" t="s">
        <v>96</v>
      </c>
      <c r="L73" s="98" t="s">
        <v>96</v>
      </c>
      <c r="M73" s="95">
        <v>6057</v>
      </c>
      <c r="N73" s="96">
        <v>6057</v>
      </c>
      <c r="O73" s="103">
        <v>0</v>
      </c>
      <c r="P73" s="109" t="s">
        <v>99</v>
      </c>
    </row>
    <row r="74" spans="2:16" s="11" customFormat="1" ht="17.25" customHeight="1">
      <c r="B74" s="87" t="s">
        <v>132</v>
      </c>
      <c r="C74" s="88"/>
      <c r="D74" s="89"/>
      <c r="E74" s="90"/>
      <c r="F74" s="98">
        <v>182</v>
      </c>
      <c r="G74" s="94">
        <v>298</v>
      </c>
      <c r="H74" s="98">
        <v>157</v>
      </c>
      <c r="I74" s="123">
        <v>141</v>
      </c>
      <c r="J74" s="94">
        <v>2</v>
      </c>
      <c r="K74" s="94">
        <v>131</v>
      </c>
      <c r="L74" s="94">
        <v>68</v>
      </c>
      <c r="M74" s="95">
        <v>6684</v>
      </c>
      <c r="N74" s="96">
        <v>6625</v>
      </c>
      <c r="O74" s="103">
        <v>0</v>
      </c>
      <c r="P74" s="97">
        <v>3325.4</v>
      </c>
    </row>
    <row r="75" spans="2:16" s="11" customFormat="1" ht="17.25" customHeight="1">
      <c r="B75" s="87" t="s">
        <v>133</v>
      </c>
      <c r="C75" s="88" t="s">
        <v>26</v>
      </c>
      <c r="D75" s="89"/>
      <c r="E75" s="90"/>
      <c r="F75" s="98">
        <v>484</v>
      </c>
      <c r="G75" s="94">
        <v>868</v>
      </c>
      <c r="H75" s="98">
        <v>462</v>
      </c>
      <c r="I75" s="123">
        <v>406</v>
      </c>
      <c r="J75" s="94">
        <v>77</v>
      </c>
      <c r="K75" s="94">
        <v>622</v>
      </c>
      <c r="L75" s="94">
        <v>163</v>
      </c>
      <c r="M75" s="95">
        <v>728</v>
      </c>
      <c r="N75" s="96">
        <v>340</v>
      </c>
      <c r="O75" s="103">
        <v>0</v>
      </c>
      <c r="P75" s="97">
        <v>84.5</v>
      </c>
    </row>
    <row r="76" spans="2:16" s="11" customFormat="1" ht="17.25" customHeight="1">
      <c r="B76" s="87"/>
      <c r="C76" s="88" t="s">
        <v>27</v>
      </c>
      <c r="D76" s="89"/>
      <c r="E76" s="90"/>
      <c r="F76" s="98">
        <v>296</v>
      </c>
      <c r="G76" s="94">
        <v>467</v>
      </c>
      <c r="H76" s="98">
        <v>199</v>
      </c>
      <c r="I76" s="123">
        <v>268</v>
      </c>
      <c r="J76" s="94">
        <v>35</v>
      </c>
      <c r="K76" s="94">
        <v>350</v>
      </c>
      <c r="L76" s="94">
        <v>80</v>
      </c>
      <c r="M76" s="95">
        <v>1322</v>
      </c>
      <c r="N76" s="96">
        <v>1121</v>
      </c>
      <c r="O76" s="96">
        <v>0</v>
      </c>
      <c r="P76" s="97">
        <v>284.3</v>
      </c>
    </row>
    <row r="77" spans="2:16" s="11" customFormat="1" ht="17.25" customHeight="1">
      <c r="B77" s="87"/>
      <c r="C77" s="88" t="s">
        <v>28</v>
      </c>
      <c r="D77" s="89"/>
      <c r="E77" s="90"/>
      <c r="F77" s="98">
        <v>217</v>
      </c>
      <c r="G77" s="94">
        <v>297</v>
      </c>
      <c r="H77" s="98">
        <v>139</v>
      </c>
      <c r="I77" s="123">
        <v>158</v>
      </c>
      <c r="J77" s="94">
        <v>7</v>
      </c>
      <c r="K77" s="94">
        <v>212</v>
      </c>
      <c r="L77" s="94">
        <v>78</v>
      </c>
      <c r="M77" s="95">
        <v>9090</v>
      </c>
      <c r="N77" s="96">
        <v>6628</v>
      </c>
      <c r="O77" s="96">
        <v>2290</v>
      </c>
      <c r="P77" s="97">
        <v>3060.6</v>
      </c>
    </row>
    <row r="78" spans="2:16" s="11" customFormat="1" ht="17.25" customHeight="1">
      <c r="B78" s="87"/>
      <c r="C78" s="88" t="s">
        <v>29</v>
      </c>
      <c r="D78" s="89"/>
      <c r="E78" s="90"/>
      <c r="F78" s="98">
        <v>517</v>
      </c>
      <c r="G78" s="94">
        <v>969</v>
      </c>
      <c r="H78" s="98">
        <v>485</v>
      </c>
      <c r="I78" s="123">
        <v>484</v>
      </c>
      <c r="J78" s="94">
        <v>64</v>
      </c>
      <c r="K78" s="94">
        <v>714</v>
      </c>
      <c r="L78" s="94">
        <v>122</v>
      </c>
      <c r="M78" s="95">
        <v>1141</v>
      </c>
      <c r="N78" s="96">
        <v>724</v>
      </c>
      <c r="O78" s="96">
        <v>99</v>
      </c>
      <c r="P78" s="97">
        <v>126.8</v>
      </c>
    </row>
    <row r="79" spans="2:16" s="11" customFormat="1" ht="16.5" customHeight="1">
      <c r="B79" s="87"/>
      <c r="C79" s="88" t="s">
        <v>30</v>
      </c>
      <c r="D79" s="89"/>
      <c r="E79" s="90"/>
      <c r="F79" s="98">
        <v>305</v>
      </c>
      <c r="G79" s="94">
        <v>567</v>
      </c>
      <c r="H79" s="98">
        <v>253</v>
      </c>
      <c r="I79" s="123">
        <v>314</v>
      </c>
      <c r="J79" s="94">
        <v>38</v>
      </c>
      <c r="K79" s="94">
        <v>365</v>
      </c>
      <c r="L79" s="94">
        <v>156</v>
      </c>
      <c r="M79" s="95">
        <v>2313</v>
      </c>
      <c r="N79" s="96">
        <v>2071</v>
      </c>
      <c r="O79" s="103">
        <v>0</v>
      </c>
      <c r="P79" s="97">
        <v>413.8</v>
      </c>
    </row>
    <row r="80" spans="2:16" s="11" customFormat="1" ht="16.5" customHeight="1">
      <c r="B80" s="87"/>
      <c r="C80" s="88" t="s">
        <v>31</v>
      </c>
      <c r="D80" s="89"/>
      <c r="E80" s="90"/>
      <c r="F80" s="98">
        <v>316</v>
      </c>
      <c r="G80" s="94">
        <v>596</v>
      </c>
      <c r="H80" s="98">
        <v>294</v>
      </c>
      <c r="I80" s="123">
        <v>302</v>
      </c>
      <c r="J80" s="94">
        <v>58</v>
      </c>
      <c r="K80" s="94">
        <v>433</v>
      </c>
      <c r="L80" s="94">
        <v>105</v>
      </c>
      <c r="M80" s="95">
        <v>1112</v>
      </c>
      <c r="N80" s="96">
        <v>888</v>
      </c>
      <c r="O80" s="103">
        <v>0</v>
      </c>
      <c r="P80" s="97">
        <v>186.6</v>
      </c>
    </row>
    <row r="81" spans="1:17" s="11" customFormat="1" ht="16.5" customHeight="1">
      <c r="B81" s="87"/>
      <c r="C81" s="88" t="s">
        <v>32</v>
      </c>
      <c r="D81" s="89"/>
      <c r="E81" s="90"/>
      <c r="F81" s="98">
        <v>421</v>
      </c>
      <c r="G81" s="94">
        <v>874</v>
      </c>
      <c r="H81" s="98">
        <v>518</v>
      </c>
      <c r="I81" s="123">
        <v>356</v>
      </c>
      <c r="J81" s="94">
        <v>31</v>
      </c>
      <c r="K81" s="94">
        <v>718</v>
      </c>
      <c r="L81" s="94">
        <v>125</v>
      </c>
      <c r="M81" s="95">
        <v>683</v>
      </c>
      <c r="N81" s="96">
        <v>285</v>
      </c>
      <c r="O81" s="103">
        <v>70</v>
      </c>
      <c r="P81" s="97">
        <v>78.099999999999994</v>
      </c>
    </row>
    <row r="82" spans="1:17" s="11" customFormat="1" ht="16.5" customHeight="1">
      <c r="B82" s="87" t="s">
        <v>134</v>
      </c>
      <c r="C82" s="88" t="s">
        <v>26</v>
      </c>
      <c r="D82" s="89"/>
      <c r="E82" s="90"/>
      <c r="F82" s="98">
        <v>568</v>
      </c>
      <c r="G82" s="94">
        <v>987</v>
      </c>
      <c r="H82" s="98">
        <v>493</v>
      </c>
      <c r="I82" s="123">
        <v>494</v>
      </c>
      <c r="J82" s="94">
        <v>85</v>
      </c>
      <c r="K82" s="94">
        <v>706</v>
      </c>
      <c r="L82" s="94">
        <v>196</v>
      </c>
      <c r="M82" s="95">
        <v>1307</v>
      </c>
      <c r="N82" s="96">
        <v>848</v>
      </c>
      <c r="O82" s="103">
        <v>0</v>
      </c>
      <c r="P82" s="97">
        <v>132.4</v>
      </c>
    </row>
    <row r="83" spans="1:17" s="11" customFormat="1" ht="16.5" customHeight="1">
      <c r="B83" s="87"/>
      <c r="C83" s="88" t="s">
        <v>27</v>
      </c>
      <c r="D83" s="89"/>
      <c r="E83" s="90"/>
      <c r="F83" s="98">
        <v>377</v>
      </c>
      <c r="G83" s="94">
        <v>734</v>
      </c>
      <c r="H83" s="98">
        <v>323</v>
      </c>
      <c r="I83" s="123">
        <v>411</v>
      </c>
      <c r="J83" s="94">
        <v>66</v>
      </c>
      <c r="K83" s="94">
        <v>534</v>
      </c>
      <c r="L83" s="94">
        <v>134</v>
      </c>
      <c r="M83" s="95">
        <v>745</v>
      </c>
      <c r="N83" s="96">
        <v>415</v>
      </c>
      <c r="O83" s="103">
        <v>0</v>
      </c>
      <c r="P83" s="97">
        <v>101.5</v>
      </c>
    </row>
    <row r="84" spans="1:17" s="11" customFormat="1" ht="16.5" customHeight="1">
      <c r="B84" s="87"/>
      <c r="C84" s="88" t="s">
        <v>28</v>
      </c>
      <c r="D84" s="89"/>
      <c r="E84" s="90"/>
      <c r="F84" s="98">
        <v>292</v>
      </c>
      <c r="G84" s="94">
        <v>526</v>
      </c>
      <c r="H84" s="98">
        <v>257</v>
      </c>
      <c r="I84" s="123">
        <v>269</v>
      </c>
      <c r="J84" s="94">
        <v>40</v>
      </c>
      <c r="K84" s="94">
        <v>345</v>
      </c>
      <c r="L84" s="94">
        <v>141</v>
      </c>
      <c r="M84" s="95">
        <v>409</v>
      </c>
      <c r="N84" s="96">
        <v>138</v>
      </c>
      <c r="O84" s="103">
        <v>0</v>
      </c>
      <c r="P84" s="97">
        <v>77.8</v>
      </c>
    </row>
    <row r="85" spans="1:17" s="11" customFormat="1" ht="16.5" customHeight="1">
      <c r="B85" s="87" t="s">
        <v>135</v>
      </c>
      <c r="C85" s="88" t="s">
        <v>26</v>
      </c>
      <c r="D85" s="89"/>
      <c r="E85" s="90"/>
      <c r="F85" s="98">
        <v>522</v>
      </c>
      <c r="G85" s="94">
        <v>875</v>
      </c>
      <c r="H85" s="98">
        <v>409</v>
      </c>
      <c r="I85" s="123">
        <v>466</v>
      </c>
      <c r="J85" s="94">
        <v>54</v>
      </c>
      <c r="K85" s="94">
        <v>640</v>
      </c>
      <c r="L85" s="94">
        <v>179</v>
      </c>
      <c r="M85" s="95">
        <v>1782</v>
      </c>
      <c r="N85" s="96">
        <v>674</v>
      </c>
      <c r="O85" s="96">
        <v>687</v>
      </c>
      <c r="P85" s="97">
        <v>204.1</v>
      </c>
    </row>
    <row r="86" spans="1:17" s="11" customFormat="1" ht="16.5" customHeight="1">
      <c r="B86" s="87"/>
      <c r="C86" s="88" t="s">
        <v>27</v>
      </c>
      <c r="D86" s="89"/>
      <c r="E86" s="90"/>
      <c r="F86" s="98">
        <v>100</v>
      </c>
      <c r="G86" s="94">
        <v>152</v>
      </c>
      <c r="H86" s="98">
        <v>85</v>
      </c>
      <c r="I86" s="123">
        <v>67</v>
      </c>
      <c r="J86" s="94">
        <v>12</v>
      </c>
      <c r="K86" s="94">
        <v>113</v>
      </c>
      <c r="L86" s="94">
        <v>27</v>
      </c>
      <c r="M86" s="95">
        <v>8010</v>
      </c>
      <c r="N86" s="96">
        <v>6079</v>
      </c>
      <c r="O86" s="96">
        <v>1866</v>
      </c>
      <c r="P86" s="97">
        <v>5269.7</v>
      </c>
    </row>
    <row r="87" spans="1:17" s="11" customFormat="1" ht="16.5" customHeight="1">
      <c r="B87" s="87"/>
      <c r="C87" s="88" t="s">
        <v>28</v>
      </c>
      <c r="D87" s="89"/>
      <c r="E87" s="90"/>
      <c r="F87" s="98">
        <v>592</v>
      </c>
      <c r="G87" s="94">
        <v>789</v>
      </c>
      <c r="H87" s="98">
        <v>331</v>
      </c>
      <c r="I87" s="123">
        <v>458</v>
      </c>
      <c r="J87" s="94">
        <v>15</v>
      </c>
      <c r="K87" s="94">
        <v>610</v>
      </c>
      <c r="L87" s="94">
        <v>162</v>
      </c>
      <c r="M87" s="95">
        <v>953</v>
      </c>
      <c r="N87" s="96">
        <v>420</v>
      </c>
      <c r="O87" s="103">
        <v>0</v>
      </c>
      <c r="P87" s="97">
        <v>121.1</v>
      </c>
    </row>
    <row r="88" spans="1:17" s="11" customFormat="1" ht="16.5" customHeight="1">
      <c r="B88" s="87"/>
      <c r="C88" s="88" t="s">
        <v>29</v>
      </c>
      <c r="D88" s="89"/>
      <c r="E88" s="90"/>
      <c r="F88" s="98">
        <v>538</v>
      </c>
      <c r="G88" s="94">
        <v>809</v>
      </c>
      <c r="H88" s="98">
        <v>401</v>
      </c>
      <c r="I88" s="123">
        <v>408</v>
      </c>
      <c r="J88" s="94">
        <v>39</v>
      </c>
      <c r="K88" s="94">
        <v>612</v>
      </c>
      <c r="L88" s="94">
        <v>154</v>
      </c>
      <c r="M88" s="95">
        <v>719</v>
      </c>
      <c r="N88" s="96">
        <v>439</v>
      </c>
      <c r="O88" s="103">
        <v>0</v>
      </c>
      <c r="P88" s="97">
        <v>89.3</v>
      </c>
    </row>
    <row r="89" spans="1:17" s="11" customFormat="1" ht="16.5" customHeight="1">
      <c r="B89" s="87" t="s">
        <v>136</v>
      </c>
      <c r="C89" s="88" t="s">
        <v>26</v>
      </c>
      <c r="D89" s="89"/>
      <c r="E89" s="90"/>
      <c r="F89" s="98">
        <v>490</v>
      </c>
      <c r="G89" s="94">
        <v>763</v>
      </c>
      <c r="H89" s="98">
        <v>349</v>
      </c>
      <c r="I89" s="123">
        <v>414</v>
      </c>
      <c r="J89" s="94">
        <v>53</v>
      </c>
      <c r="K89" s="94">
        <v>509</v>
      </c>
      <c r="L89" s="94">
        <v>130</v>
      </c>
      <c r="M89" s="95">
        <v>4635</v>
      </c>
      <c r="N89" s="96">
        <v>4419</v>
      </c>
      <c r="O89" s="103">
        <v>0</v>
      </c>
      <c r="P89" s="97">
        <v>669.8</v>
      </c>
    </row>
    <row r="90" spans="1:17" s="11" customFormat="1" ht="16.5" customHeight="1">
      <c r="B90" s="87"/>
      <c r="C90" s="88" t="s">
        <v>27</v>
      </c>
      <c r="D90" s="89"/>
      <c r="E90" s="90"/>
      <c r="F90" s="98">
        <v>1535</v>
      </c>
      <c r="G90" s="123">
        <v>3262</v>
      </c>
      <c r="H90" s="98">
        <v>1468</v>
      </c>
      <c r="I90" s="123">
        <v>1794</v>
      </c>
      <c r="J90" s="94">
        <v>372</v>
      </c>
      <c r="K90" s="94">
        <v>2078</v>
      </c>
      <c r="L90" s="94">
        <v>810</v>
      </c>
      <c r="M90" s="95">
        <v>1885</v>
      </c>
      <c r="N90" s="96">
        <v>424</v>
      </c>
      <c r="O90" s="103">
        <v>61</v>
      </c>
      <c r="P90" s="97">
        <v>57.8</v>
      </c>
    </row>
    <row r="91" spans="1:17" s="11" customFormat="1" ht="16.5" customHeight="1">
      <c r="B91" s="87" t="s">
        <v>123</v>
      </c>
      <c r="C91" s="88" t="s">
        <v>28</v>
      </c>
      <c r="D91" s="89"/>
      <c r="E91" s="90"/>
      <c r="F91" s="98">
        <v>1632</v>
      </c>
      <c r="G91" s="126">
        <v>3203</v>
      </c>
      <c r="H91" s="98">
        <v>1485</v>
      </c>
      <c r="I91" s="126">
        <v>1718</v>
      </c>
      <c r="J91" s="94">
        <v>263</v>
      </c>
      <c r="K91" s="94">
        <v>2098</v>
      </c>
      <c r="L91" s="94">
        <v>680</v>
      </c>
      <c r="M91" s="95">
        <v>2376</v>
      </c>
      <c r="N91" s="96">
        <v>1023</v>
      </c>
      <c r="O91" s="96">
        <v>214</v>
      </c>
      <c r="P91" s="97">
        <v>78.099999999999994</v>
      </c>
    </row>
    <row r="92" spans="1:17" s="11" customFormat="1" ht="16.5" customHeight="1">
      <c r="B92" s="87"/>
      <c r="C92" s="88" t="s">
        <v>29</v>
      </c>
      <c r="D92" s="89"/>
      <c r="E92" s="90"/>
      <c r="F92" s="98">
        <v>289</v>
      </c>
      <c r="G92" s="126">
        <v>536</v>
      </c>
      <c r="H92" s="98">
        <v>264</v>
      </c>
      <c r="I92" s="126">
        <v>272</v>
      </c>
      <c r="J92" s="94">
        <v>56</v>
      </c>
      <c r="K92" s="94">
        <v>408</v>
      </c>
      <c r="L92" s="94">
        <v>61</v>
      </c>
      <c r="M92" s="95">
        <v>592</v>
      </c>
      <c r="N92" s="96">
        <v>374</v>
      </c>
      <c r="O92" s="103">
        <v>0</v>
      </c>
      <c r="P92" s="97">
        <v>112.8</v>
      </c>
    </row>
    <row r="93" spans="1:17" s="11" customFormat="1" ht="16.5" customHeight="1">
      <c r="A93" s="66"/>
      <c r="B93" s="110"/>
      <c r="C93" s="111" t="s">
        <v>30</v>
      </c>
      <c r="D93" s="112"/>
      <c r="E93" s="113"/>
      <c r="F93" s="114">
        <v>257</v>
      </c>
      <c r="G93" s="127">
        <v>491</v>
      </c>
      <c r="H93" s="114">
        <v>255</v>
      </c>
      <c r="I93" s="114">
        <v>236</v>
      </c>
      <c r="J93" s="127">
        <v>44</v>
      </c>
      <c r="K93" s="118">
        <v>387</v>
      </c>
      <c r="L93" s="118">
        <v>48</v>
      </c>
      <c r="M93" s="119">
        <v>896</v>
      </c>
      <c r="N93" s="128">
        <v>731</v>
      </c>
      <c r="O93" s="129">
        <v>0</v>
      </c>
      <c r="P93" s="122">
        <v>187.1</v>
      </c>
    </row>
    <row r="94" spans="1:17" s="11" customFormat="1" ht="17.25" customHeight="1">
      <c r="B94" s="87" t="s">
        <v>137</v>
      </c>
      <c r="C94" s="88" t="s">
        <v>31</v>
      </c>
      <c r="D94" s="130"/>
      <c r="E94" s="131"/>
      <c r="F94" s="98">
        <v>450</v>
      </c>
      <c r="G94" s="98">
        <v>708</v>
      </c>
      <c r="H94" s="98">
        <v>376</v>
      </c>
      <c r="I94" s="98">
        <v>332</v>
      </c>
      <c r="J94" s="98">
        <v>56</v>
      </c>
      <c r="K94" s="98">
        <v>520</v>
      </c>
      <c r="L94" s="132">
        <v>120</v>
      </c>
      <c r="M94" s="133">
        <v>2241</v>
      </c>
      <c r="N94" s="134">
        <v>1508</v>
      </c>
      <c r="O94" s="134">
        <v>488</v>
      </c>
      <c r="P94" s="97">
        <v>322</v>
      </c>
    </row>
    <row r="95" spans="1:17" s="11" customFormat="1" ht="17.25" customHeight="1">
      <c r="B95" s="87" t="s">
        <v>0</v>
      </c>
      <c r="C95" s="88" t="s">
        <v>32</v>
      </c>
      <c r="D95" s="130"/>
      <c r="E95" s="131"/>
      <c r="F95" s="98">
        <v>235</v>
      </c>
      <c r="G95" s="98">
        <v>517</v>
      </c>
      <c r="H95" s="98">
        <v>260</v>
      </c>
      <c r="I95" s="98">
        <v>257</v>
      </c>
      <c r="J95" s="98">
        <v>88</v>
      </c>
      <c r="K95" s="98">
        <v>372</v>
      </c>
      <c r="L95" s="132">
        <v>57</v>
      </c>
      <c r="M95" s="133">
        <v>778</v>
      </c>
      <c r="N95" s="134">
        <v>591</v>
      </c>
      <c r="O95" s="100">
        <v>0</v>
      </c>
      <c r="P95" s="97">
        <v>150.5</v>
      </c>
      <c r="Q95" s="67"/>
    </row>
    <row r="96" spans="1:17" s="11" customFormat="1" ht="17.25" customHeight="1">
      <c r="B96" s="87" t="s">
        <v>138</v>
      </c>
      <c r="C96" s="88" t="s">
        <v>26</v>
      </c>
      <c r="D96" s="130"/>
      <c r="E96" s="131"/>
      <c r="F96" s="98">
        <v>85</v>
      </c>
      <c r="G96" s="98">
        <v>87</v>
      </c>
      <c r="H96" s="98">
        <v>85</v>
      </c>
      <c r="I96" s="98">
        <v>2</v>
      </c>
      <c r="J96" s="101" t="s">
        <v>96</v>
      </c>
      <c r="K96" s="98">
        <v>66</v>
      </c>
      <c r="L96" s="132">
        <v>7</v>
      </c>
      <c r="M96" s="133">
        <v>2675</v>
      </c>
      <c r="N96" s="134">
        <v>2602</v>
      </c>
      <c r="O96" s="100">
        <v>0</v>
      </c>
      <c r="P96" s="97">
        <v>3664.4</v>
      </c>
      <c r="Q96" s="67"/>
    </row>
    <row r="97" spans="2:17" s="11" customFormat="1" ht="17.25" customHeight="1">
      <c r="B97" s="87"/>
      <c r="C97" s="88" t="s">
        <v>27</v>
      </c>
      <c r="D97" s="130"/>
      <c r="E97" s="131"/>
      <c r="F97" s="98">
        <v>12</v>
      </c>
      <c r="G97" s="98">
        <v>13</v>
      </c>
      <c r="H97" s="98">
        <v>12</v>
      </c>
      <c r="I97" s="98">
        <v>1</v>
      </c>
      <c r="J97" s="101" t="s">
        <v>96</v>
      </c>
      <c r="K97" s="98">
        <v>7</v>
      </c>
      <c r="L97" s="132">
        <v>2</v>
      </c>
      <c r="M97" s="133">
        <v>7563</v>
      </c>
      <c r="N97" s="134">
        <v>7554</v>
      </c>
      <c r="O97" s="100">
        <v>0</v>
      </c>
      <c r="P97" s="135">
        <v>84033.3</v>
      </c>
      <c r="Q97" s="67"/>
    </row>
    <row r="98" spans="2:17" s="11" customFormat="1" ht="17.25" customHeight="1">
      <c r="B98" s="87"/>
      <c r="C98" s="88" t="s">
        <v>28</v>
      </c>
      <c r="D98" s="130"/>
      <c r="E98" s="131"/>
      <c r="F98" s="98">
        <v>165</v>
      </c>
      <c r="G98" s="98">
        <v>266</v>
      </c>
      <c r="H98" s="98">
        <v>126</v>
      </c>
      <c r="I98" s="98">
        <v>140</v>
      </c>
      <c r="J98" s="98">
        <v>11</v>
      </c>
      <c r="K98" s="98">
        <v>211</v>
      </c>
      <c r="L98" s="132">
        <v>34</v>
      </c>
      <c r="M98" s="133">
        <v>12936</v>
      </c>
      <c r="N98" s="134">
        <v>12830</v>
      </c>
      <c r="O98" s="100">
        <v>0</v>
      </c>
      <c r="P98" s="97">
        <v>5053.1000000000004</v>
      </c>
      <c r="Q98" s="67"/>
    </row>
    <row r="99" spans="2:17" s="11" customFormat="1" ht="17.25" customHeight="1">
      <c r="B99" s="87"/>
      <c r="C99" s="88" t="s">
        <v>29</v>
      </c>
      <c r="D99" s="130"/>
      <c r="E99" s="131"/>
      <c r="F99" s="98">
        <v>76</v>
      </c>
      <c r="G99" s="98">
        <v>95</v>
      </c>
      <c r="H99" s="98">
        <v>50</v>
      </c>
      <c r="I99" s="98">
        <v>45</v>
      </c>
      <c r="J99" s="98">
        <v>1</v>
      </c>
      <c r="K99" s="98">
        <v>81</v>
      </c>
      <c r="L99" s="132">
        <v>13</v>
      </c>
      <c r="M99" s="133">
        <v>313</v>
      </c>
      <c r="N99" s="134">
        <v>269</v>
      </c>
      <c r="O99" s="100">
        <v>0</v>
      </c>
      <c r="P99" s="97">
        <v>329.5</v>
      </c>
      <c r="Q99" s="67"/>
    </row>
    <row r="100" spans="2:17" s="11" customFormat="1" ht="17.25" customHeight="1">
      <c r="B100" s="87"/>
      <c r="C100" s="88" t="s">
        <v>30</v>
      </c>
      <c r="D100" s="130"/>
      <c r="E100" s="131"/>
      <c r="F100" s="98">
        <v>72</v>
      </c>
      <c r="G100" s="98">
        <v>134</v>
      </c>
      <c r="H100" s="98">
        <v>72</v>
      </c>
      <c r="I100" s="98">
        <v>62</v>
      </c>
      <c r="J100" s="98">
        <v>4</v>
      </c>
      <c r="K100" s="98">
        <v>91</v>
      </c>
      <c r="L100" s="132">
        <v>39</v>
      </c>
      <c r="M100" s="133">
        <v>4310</v>
      </c>
      <c r="N100" s="134">
        <v>3589</v>
      </c>
      <c r="O100" s="134">
        <v>636</v>
      </c>
      <c r="P100" s="97">
        <v>3216.4</v>
      </c>
      <c r="Q100" s="67"/>
    </row>
    <row r="101" spans="2:17" s="11" customFormat="1" ht="17.25" customHeight="1">
      <c r="B101" s="87"/>
      <c r="C101" s="88" t="s">
        <v>31</v>
      </c>
      <c r="D101" s="130"/>
      <c r="E101" s="131"/>
      <c r="F101" s="98">
        <v>74</v>
      </c>
      <c r="G101" s="98">
        <v>156</v>
      </c>
      <c r="H101" s="98">
        <v>74</v>
      </c>
      <c r="I101" s="98">
        <v>82</v>
      </c>
      <c r="J101" s="98">
        <v>6</v>
      </c>
      <c r="K101" s="98">
        <v>114</v>
      </c>
      <c r="L101" s="132">
        <v>20</v>
      </c>
      <c r="M101" s="133">
        <v>4312</v>
      </c>
      <c r="N101" s="134">
        <v>4260</v>
      </c>
      <c r="O101" s="100">
        <v>0</v>
      </c>
      <c r="P101" s="97">
        <v>3080</v>
      </c>
      <c r="Q101" s="67"/>
    </row>
    <row r="102" spans="2:17" s="11" customFormat="1" ht="17.25" customHeight="1">
      <c r="B102" s="87" t="s">
        <v>139</v>
      </c>
      <c r="C102" s="88" t="s">
        <v>26</v>
      </c>
      <c r="D102" s="130"/>
      <c r="E102" s="131"/>
      <c r="F102" s="98">
        <v>518</v>
      </c>
      <c r="G102" s="98">
        <v>867</v>
      </c>
      <c r="H102" s="98">
        <v>398</v>
      </c>
      <c r="I102" s="98">
        <v>469</v>
      </c>
      <c r="J102" s="98">
        <v>51</v>
      </c>
      <c r="K102" s="98">
        <v>594</v>
      </c>
      <c r="L102" s="132">
        <v>222</v>
      </c>
      <c r="M102" s="133">
        <v>728</v>
      </c>
      <c r="N102" s="134">
        <v>283</v>
      </c>
      <c r="O102" s="100">
        <v>0</v>
      </c>
      <c r="P102" s="97">
        <v>84</v>
      </c>
      <c r="Q102" s="67"/>
    </row>
    <row r="103" spans="2:17" s="11" customFormat="1" ht="17.25" customHeight="1">
      <c r="B103" s="87"/>
      <c r="C103" s="88" t="s">
        <v>27</v>
      </c>
      <c r="D103" s="130"/>
      <c r="E103" s="131"/>
      <c r="F103" s="98">
        <v>563</v>
      </c>
      <c r="G103" s="98">
        <v>1074</v>
      </c>
      <c r="H103" s="98">
        <v>529</v>
      </c>
      <c r="I103" s="98">
        <v>545</v>
      </c>
      <c r="J103" s="98">
        <v>119</v>
      </c>
      <c r="K103" s="98">
        <v>725</v>
      </c>
      <c r="L103" s="132">
        <v>225</v>
      </c>
      <c r="M103" s="133">
        <v>1079</v>
      </c>
      <c r="N103" s="134">
        <v>190</v>
      </c>
      <c r="O103" s="134">
        <v>400</v>
      </c>
      <c r="P103" s="97">
        <v>100.9</v>
      </c>
      <c r="Q103" s="67"/>
    </row>
    <row r="104" spans="2:17" s="11" customFormat="1" ht="17.25" customHeight="1">
      <c r="B104" s="87"/>
      <c r="C104" s="88" t="s">
        <v>28</v>
      </c>
      <c r="D104" s="130"/>
      <c r="E104" s="131"/>
      <c r="F104" s="98">
        <v>477</v>
      </c>
      <c r="G104" s="98">
        <v>855</v>
      </c>
      <c r="H104" s="98">
        <v>429</v>
      </c>
      <c r="I104" s="98">
        <v>426</v>
      </c>
      <c r="J104" s="98">
        <v>74</v>
      </c>
      <c r="K104" s="98">
        <v>560</v>
      </c>
      <c r="L104" s="132">
        <v>195</v>
      </c>
      <c r="M104" s="133">
        <v>689</v>
      </c>
      <c r="N104" s="134">
        <v>261</v>
      </c>
      <c r="O104" s="100">
        <v>0</v>
      </c>
      <c r="P104" s="97">
        <v>83.1</v>
      </c>
      <c r="Q104" s="67"/>
    </row>
    <row r="105" spans="2:17" s="11" customFormat="1" ht="17.25" customHeight="1">
      <c r="B105" s="87" t="s">
        <v>140</v>
      </c>
      <c r="C105" s="88" t="s">
        <v>26</v>
      </c>
      <c r="D105" s="130"/>
      <c r="E105" s="131"/>
      <c r="F105" s="98">
        <v>760</v>
      </c>
      <c r="G105" s="98">
        <v>1539</v>
      </c>
      <c r="H105" s="98">
        <v>959</v>
      </c>
      <c r="I105" s="98">
        <v>580</v>
      </c>
      <c r="J105" s="98">
        <v>128</v>
      </c>
      <c r="K105" s="98">
        <v>1241</v>
      </c>
      <c r="L105" s="132">
        <v>152</v>
      </c>
      <c r="M105" s="133">
        <v>1747</v>
      </c>
      <c r="N105" s="134">
        <v>597</v>
      </c>
      <c r="O105" s="134">
        <v>438</v>
      </c>
      <c r="P105" s="97">
        <v>114.9</v>
      </c>
      <c r="Q105" s="67"/>
    </row>
    <row r="106" spans="2:17" s="11" customFormat="1" ht="17.25" customHeight="1">
      <c r="B106" s="87"/>
      <c r="C106" s="88" t="s">
        <v>27</v>
      </c>
      <c r="D106" s="130"/>
      <c r="E106" s="131"/>
      <c r="F106" s="98">
        <v>642</v>
      </c>
      <c r="G106" s="98">
        <v>1219</v>
      </c>
      <c r="H106" s="98">
        <v>613</v>
      </c>
      <c r="I106" s="98">
        <v>606</v>
      </c>
      <c r="J106" s="98">
        <v>167</v>
      </c>
      <c r="K106" s="98">
        <v>890</v>
      </c>
      <c r="L106" s="132">
        <v>109</v>
      </c>
      <c r="M106" s="133">
        <v>1013</v>
      </c>
      <c r="N106" s="134">
        <v>302</v>
      </c>
      <c r="O106" s="134">
        <v>226</v>
      </c>
      <c r="P106" s="97">
        <v>86.9</v>
      </c>
      <c r="Q106" s="67"/>
    </row>
    <row r="107" spans="2:17" s="11" customFormat="1" ht="17.25" customHeight="1">
      <c r="B107" s="87" t="s">
        <v>141</v>
      </c>
      <c r="C107" s="88" t="s">
        <v>26</v>
      </c>
      <c r="D107" s="130"/>
      <c r="E107" s="131"/>
      <c r="F107" s="98">
        <v>904</v>
      </c>
      <c r="G107" s="98">
        <v>2104</v>
      </c>
      <c r="H107" s="98">
        <v>964</v>
      </c>
      <c r="I107" s="98">
        <v>1140</v>
      </c>
      <c r="J107" s="98">
        <v>279</v>
      </c>
      <c r="K107" s="98">
        <v>1445</v>
      </c>
      <c r="L107" s="132">
        <v>370</v>
      </c>
      <c r="M107" s="133">
        <v>1014</v>
      </c>
      <c r="N107" s="134">
        <v>57</v>
      </c>
      <c r="O107" s="100">
        <v>0</v>
      </c>
      <c r="P107" s="97">
        <v>48.4</v>
      </c>
      <c r="Q107" s="67"/>
    </row>
    <row r="108" spans="2:17" s="11" customFormat="1" ht="17.25" customHeight="1">
      <c r="B108" s="87"/>
      <c r="C108" s="88" t="s">
        <v>27</v>
      </c>
      <c r="D108" s="130"/>
      <c r="E108" s="131"/>
      <c r="F108" s="98">
        <v>1810</v>
      </c>
      <c r="G108" s="98">
        <v>4065</v>
      </c>
      <c r="H108" s="98">
        <v>1886</v>
      </c>
      <c r="I108" s="98">
        <v>2179</v>
      </c>
      <c r="J108" s="98">
        <v>458</v>
      </c>
      <c r="K108" s="98">
        <v>2754</v>
      </c>
      <c r="L108" s="132">
        <v>839</v>
      </c>
      <c r="M108" s="133">
        <v>2395</v>
      </c>
      <c r="N108" s="134">
        <v>246</v>
      </c>
      <c r="O108" s="134">
        <v>293</v>
      </c>
      <c r="P108" s="97">
        <v>59.1</v>
      </c>
      <c r="Q108" s="67"/>
    </row>
    <row r="109" spans="2:17" s="11" customFormat="1" ht="17.25" customHeight="1">
      <c r="B109" s="87"/>
      <c r="C109" s="88" t="s">
        <v>28</v>
      </c>
      <c r="D109" s="130"/>
      <c r="E109" s="131"/>
      <c r="F109" s="98">
        <v>810</v>
      </c>
      <c r="G109" s="98">
        <v>1770</v>
      </c>
      <c r="H109" s="98">
        <v>826</v>
      </c>
      <c r="I109" s="98">
        <v>944</v>
      </c>
      <c r="J109" s="98">
        <v>200</v>
      </c>
      <c r="K109" s="98">
        <v>1246</v>
      </c>
      <c r="L109" s="132">
        <v>324</v>
      </c>
      <c r="M109" s="133">
        <v>948</v>
      </c>
      <c r="N109" s="134">
        <v>197</v>
      </c>
      <c r="O109" s="100">
        <v>0</v>
      </c>
      <c r="P109" s="97">
        <v>53.6</v>
      </c>
      <c r="Q109" s="67"/>
    </row>
    <row r="110" spans="2:17" s="11" customFormat="1" ht="17.25" customHeight="1">
      <c r="B110" s="87" t="s">
        <v>142</v>
      </c>
      <c r="C110" s="88"/>
      <c r="D110" s="130"/>
      <c r="E110" s="131"/>
      <c r="F110" s="98">
        <v>1098</v>
      </c>
      <c r="G110" s="98">
        <v>1719</v>
      </c>
      <c r="H110" s="98">
        <v>837</v>
      </c>
      <c r="I110" s="98">
        <v>882</v>
      </c>
      <c r="J110" s="98">
        <v>127</v>
      </c>
      <c r="K110" s="98">
        <v>1309</v>
      </c>
      <c r="L110" s="132">
        <v>283</v>
      </c>
      <c r="M110" s="133">
        <v>2242</v>
      </c>
      <c r="N110" s="134">
        <v>1389</v>
      </c>
      <c r="O110" s="100">
        <v>0</v>
      </c>
      <c r="P110" s="97">
        <v>130.4</v>
      </c>
      <c r="Q110" s="67"/>
    </row>
    <row r="111" spans="2:17" s="11" customFormat="1" ht="17.25" customHeight="1">
      <c r="B111" s="87" t="s">
        <v>143</v>
      </c>
      <c r="C111" s="88" t="s">
        <v>26</v>
      </c>
      <c r="D111" s="130"/>
      <c r="E111" s="131"/>
      <c r="F111" s="98">
        <v>79</v>
      </c>
      <c r="G111" s="98">
        <v>115</v>
      </c>
      <c r="H111" s="98">
        <v>65</v>
      </c>
      <c r="I111" s="98">
        <v>50</v>
      </c>
      <c r="J111" s="98">
        <v>5</v>
      </c>
      <c r="K111" s="98">
        <v>58</v>
      </c>
      <c r="L111" s="132">
        <v>24</v>
      </c>
      <c r="M111" s="133">
        <v>2551</v>
      </c>
      <c r="N111" s="134">
        <v>2526</v>
      </c>
      <c r="O111" s="100">
        <v>0</v>
      </c>
      <c r="P111" s="97">
        <v>2932.2</v>
      </c>
      <c r="Q111" s="67"/>
    </row>
    <row r="112" spans="2:17" s="11" customFormat="1" ht="17.25" customHeight="1">
      <c r="B112" s="87"/>
      <c r="C112" s="88" t="s">
        <v>27</v>
      </c>
      <c r="D112" s="130"/>
      <c r="E112" s="131"/>
      <c r="F112" s="98">
        <v>40</v>
      </c>
      <c r="G112" s="98">
        <v>75</v>
      </c>
      <c r="H112" s="98">
        <v>46</v>
      </c>
      <c r="I112" s="98">
        <v>29</v>
      </c>
      <c r="J112" s="98">
        <v>3</v>
      </c>
      <c r="K112" s="98">
        <v>30</v>
      </c>
      <c r="L112" s="132">
        <v>22</v>
      </c>
      <c r="M112" s="133">
        <v>3665</v>
      </c>
      <c r="N112" s="134">
        <v>3651</v>
      </c>
      <c r="O112" s="100">
        <v>0</v>
      </c>
      <c r="P112" s="97">
        <v>6663.6</v>
      </c>
      <c r="Q112" s="67"/>
    </row>
    <row r="113" spans="2:17" s="11" customFormat="1" ht="17.25" customHeight="1">
      <c r="B113" s="87"/>
      <c r="C113" s="88" t="s">
        <v>28</v>
      </c>
      <c r="D113" s="130"/>
      <c r="E113" s="131"/>
      <c r="F113" s="98">
        <v>913</v>
      </c>
      <c r="G113" s="98">
        <v>1387</v>
      </c>
      <c r="H113" s="98">
        <v>721</v>
      </c>
      <c r="I113" s="98">
        <v>666</v>
      </c>
      <c r="J113" s="98">
        <v>103</v>
      </c>
      <c r="K113" s="98">
        <v>902</v>
      </c>
      <c r="L113" s="132">
        <v>172</v>
      </c>
      <c r="M113" s="133">
        <v>5744</v>
      </c>
      <c r="N113" s="134">
        <v>5152</v>
      </c>
      <c r="O113" s="134">
        <v>88</v>
      </c>
      <c r="P113" s="97">
        <v>488</v>
      </c>
      <c r="Q113" s="67"/>
    </row>
    <row r="114" spans="2:17" s="11" customFormat="1" ht="17.25" customHeight="1">
      <c r="B114" s="87"/>
      <c r="C114" s="88" t="s">
        <v>29</v>
      </c>
      <c r="D114" s="130"/>
      <c r="E114" s="131"/>
      <c r="F114" s="98">
        <v>393</v>
      </c>
      <c r="G114" s="98">
        <v>509</v>
      </c>
      <c r="H114" s="98">
        <v>239</v>
      </c>
      <c r="I114" s="98">
        <v>270</v>
      </c>
      <c r="J114" s="98">
        <v>20</v>
      </c>
      <c r="K114" s="98">
        <v>347</v>
      </c>
      <c r="L114" s="132">
        <v>72</v>
      </c>
      <c r="M114" s="133">
        <v>6683</v>
      </c>
      <c r="N114" s="134">
        <v>6459</v>
      </c>
      <c r="O114" s="100">
        <v>0</v>
      </c>
      <c r="P114" s="97">
        <v>1522.3</v>
      </c>
      <c r="Q114" s="67"/>
    </row>
    <row r="115" spans="2:17" s="11" customFormat="1" ht="17.25" customHeight="1">
      <c r="B115" s="87"/>
      <c r="C115" s="88" t="s">
        <v>30</v>
      </c>
      <c r="D115" s="130"/>
      <c r="E115" s="131"/>
      <c r="F115" s="98">
        <v>332</v>
      </c>
      <c r="G115" s="98">
        <v>503</v>
      </c>
      <c r="H115" s="98">
        <v>259</v>
      </c>
      <c r="I115" s="98">
        <v>244</v>
      </c>
      <c r="J115" s="98">
        <v>18</v>
      </c>
      <c r="K115" s="98">
        <v>366</v>
      </c>
      <c r="L115" s="132">
        <v>119</v>
      </c>
      <c r="M115" s="133">
        <v>5024</v>
      </c>
      <c r="N115" s="134">
        <v>4802</v>
      </c>
      <c r="O115" s="100">
        <v>0</v>
      </c>
      <c r="P115" s="97">
        <v>998.8</v>
      </c>
      <c r="Q115" s="67"/>
    </row>
    <row r="116" spans="2:17" s="11" customFormat="1" ht="18" customHeight="1">
      <c r="B116" s="87"/>
      <c r="C116" s="88" t="s">
        <v>31</v>
      </c>
      <c r="D116" s="130"/>
      <c r="E116" s="131"/>
      <c r="F116" s="98">
        <v>120</v>
      </c>
      <c r="G116" s="98">
        <v>174</v>
      </c>
      <c r="H116" s="98">
        <v>91</v>
      </c>
      <c r="I116" s="98">
        <v>83</v>
      </c>
      <c r="J116" s="98">
        <v>8</v>
      </c>
      <c r="K116" s="98">
        <v>129</v>
      </c>
      <c r="L116" s="132">
        <v>37</v>
      </c>
      <c r="M116" s="133">
        <v>2612</v>
      </c>
      <c r="N116" s="134">
        <v>2501</v>
      </c>
      <c r="O116" s="100">
        <v>0</v>
      </c>
      <c r="P116" s="97">
        <v>1501.1</v>
      </c>
      <c r="Q116" s="67"/>
    </row>
    <row r="117" spans="2:17" s="11" customFormat="1" ht="18" customHeight="1">
      <c r="B117" s="87" t="s">
        <v>144</v>
      </c>
      <c r="C117" s="88"/>
      <c r="D117" s="130"/>
      <c r="E117" s="131"/>
      <c r="F117" s="98">
        <v>162</v>
      </c>
      <c r="G117" s="98">
        <v>224</v>
      </c>
      <c r="H117" s="98">
        <v>85</v>
      </c>
      <c r="I117" s="98">
        <v>139</v>
      </c>
      <c r="J117" s="98">
        <v>13</v>
      </c>
      <c r="K117" s="98">
        <v>191</v>
      </c>
      <c r="L117" s="132">
        <v>20</v>
      </c>
      <c r="M117" s="133">
        <v>442</v>
      </c>
      <c r="N117" s="134">
        <v>326</v>
      </c>
      <c r="O117" s="100">
        <v>0</v>
      </c>
      <c r="P117" s="97">
        <v>197.3</v>
      </c>
      <c r="Q117" s="67"/>
    </row>
    <row r="118" spans="2:17" s="11" customFormat="1" ht="18" customHeight="1">
      <c r="B118" s="87" t="s">
        <v>145</v>
      </c>
      <c r="C118" s="88"/>
      <c r="D118" s="130"/>
      <c r="E118" s="131"/>
      <c r="F118" s="98">
        <v>50</v>
      </c>
      <c r="G118" s="98">
        <v>90</v>
      </c>
      <c r="H118" s="98">
        <v>50</v>
      </c>
      <c r="I118" s="98">
        <v>40</v>
      </c>
      <c r="J118" s="98">
        <v>7</v>
      </c>
      <c r="K118" s="98">
        <v>56</v>
      </c>
      <c r="L118" s="132">
        <v>27</v>
      </c>
      <c r="M118" s="133">
        <v>4095</v>
      </c>
      <c r="N118" s="134">
        <v>4060</v>
      </c>
      <c r="O118" s="100">
        <v>0</v>
      </c>
      <c r="P118" s="97">
        <v>4550</v>
      </c>
      <c r="Q118" s="67"/>
    </row>
    <row r="119" spans="2:17" s="11" customFormat="1" ht="18" customHeight="1">
      <c r="B119" s="87" t="s">
        <v>146</v>
      </c>
      <c r="C119" s="88"/>
      <c r="D119" s="130"/>
      <c r="E119" s="131"/>
      <c r="F119" s="98">
        <v>205</v>
      </c>
      <c r="G119" s="98">
        <v>333</v>
      </c>
      <c r="H119" s="98">
        <v>163</v>
      </c>
      <c r="I119" s="98">
        <v>170</v>
      </c>
      <c r="J119" s="98">
        <v>29</v>
      </c>
      <c r="K119" s="98">
        <v>242</v>
      </c>
      <c r="L119" s="132">
        <v>40</v>
      </c>
      <c r="M119" s="133">
        <v>290</v>
      </c>
      <c r="N119" s="134">
        <v>123</v>
      </c>
      <c r="O119" s="100">
        <v>0</v>
      </c>
      <c r="P119" s="97">
        <v>93.2</v>
      </c>
      <c r="Q119" s="67"/>
    </row>
    <row r="120" spans="2:17" s="11" customFormat="1" ht="18" customHeight="1">
      <c r="B120" s="87" t="s">
        <v>147</v>
      </c>
      <c r="C120" s="88" t="s">
        <v>26</v>
      </c>
      <c r="D120" s="130"/>
      <c r="E120" s="131"/>
      <c r="F120" s="98">
        <v>236</v>
      </c>
      <c r="G120" s="98">
        <v>385</v>
      </c>
      <c r="H120" s="98">
        <v>165</v>
      </c>
      <c r="I120" s="98">
        <v>220</v>
      </c>
      <c r="J120" s="98">
        <v>21</v>
      </c>
      <c r="K120" s="98">
        <v>313</v>
      </c>
      <c r="L120" s="132">
        <v>51</v>
      </c>
      <c r="M120" s="133">
        <v>2533</v>
      </c>
      <c r="N120" s="134">
        <v>2424</v>
      </c>
      <c r="O120" s="100">
        <v>0</v>
      </c>
      <c r="P120" s="97">
        <v>657.9</v>
      </c>
      <c r="Q120" s="67"/>
    </row>
    <row r="121" spans="2:17" s="11" customFormat="1" ht="18" customHeight="1">
      <c r="B121" s="87"/>
      <c r="C121" s="88" t="s">
        <v>27</v>
      </c>
      <c r="D121" s="130"/>
      <c r="E121" s="131"/>
      <c r="F121" s="98">
        <v>240</v>
      </c>
      <c r="G121" s="98">
        <v>525</v>
      </c>
      <c r="H121" s="98">
        <v>231</v>
      </c>
      <c r="I121" s="98">
        <v>294</v>
      </c>
      <c r="J121" s="98">
        <v>77</v>
      </c>
      <c r="K121" s="98">
        <v>378</v>
      </c>
      <c r="L121" s="132">
        <v>69</v>
      </c>
      <c r="M121" s="133">
        <v>5194</v>
      </c>
      <c r="N121" s="134">
        <v>3759</v>
      </c>
      <c r="O121" s="100">
        <v>1247</v>
      </c>
      <c r="P121" s="97">
        <v>991.2</v>
      </c>
      <c r="Q121" s="67"/>
    </row>
    <row r="122" spans="2:17" s="11" customFormat="1" ht="18" customHeight="1">
      <c r="B122" s="87" t="s">
        <v>148</v>
      </c>
      <c r="C122" s="88" t="s">
        <v>26</v>
      </c>
      <c r="D122" s="130"/>
      <c r="E122" s="131"/>
      <c r="F122" s="98">
        <v>691</v>
      </c>
      <c r="G122" s="98">
        <v>1390</v>
      </c>
      <c r="H122" s="98">
        <v>671</v>
      </c>
      <c r="I122" s="98">
        <v>719</v>
      </c>
      <c r="J122" s="98">
        <v>152</v>
      </c>
      <c r="K122" s="98">
        <v>952</v>
      </c>
      <c r="L122" s="132">
        <v>286</v>
      </c>
      <c r="M122" s="133">
        <v>1363</v>
      </c>
      <c r="N122" s="134">
        <v>729</v>
      </c>
      <c r="O122" s="100">
        <v>0</v>
      </c>
      <c r="P122" s="97">
        <v>98.1</v>
      </c>
      <c r="Q122" s="67"/>
    </row>
    <row r="123" spans="2:17" s="11" customFormat="1" ht="18" customHeight="1">
      <c r="B123" s="87"/>
      <c r="C123" s="88" t="s">
        <v>27</v>
      </c>
      <c r="D123" s="130"/>
      <c r="E123" s="131"/>
      <c r="F123" s="98">
        <v>686</v>
      </c>
      <c r="G123" s="98">
        <v>1227</v>
      </c>
      <c r="H123" s="98">
        <v>602</v>
      </c>
      <c r="I123" s="98">
        <v>625</v>
      </c>
      <c r="J123" s="98">
        <v>87</v>
      </c>
      <c r="K123" s="98">
        <v>835</v>
      </c>
      <c r="L123" s="132">
        <v>268</v>
      </c>
      <c r="M123" s="133">
        <v>2166</v>
      </c>
      <c r="N123" s="134">
        <v>1209</v>
      </c>
      <c r="O123" s="100">
        <v>320</v>
      </c>
      <c r="P123" s="97">
        <v>182</v>
      </c>
      <c r="Q123" s="67"/>
    </row>
    <row r="124" spans="2:17" s="11" customFormat="1" ht="18" customHeight="1">
      <c r="B124" s="87"/>
      <c r="C124" s="88" t="s">
        <v>28</v>
      </c>
      <c r="D124" s="130"/>
      <c r="E124" s="131"/>
      <c r="F124" s="98">
        <v>934</v>
      </c>
      <c r="G124" s="98">
        <v>1722</v>
      </c>
      <c r="H124" s="98">
        <v>879</v>
      </c>
      <c r="I124" s="98">
        <v>843</v>
      </c>
      <c r="J124" s="98">
        <v>204</v>
      </c>
      <c r="K124" s="98">
        <v>1319</v>
      </c>
      <c r="L124" s="132">
        <v>161</v>
      </c>
      <c r="M124" s="133">
        <v>1525</v>
      </c>
      <c r="N124" s="134">
        <v>814</v>
      </c>
      <c r="O124" s="100">
        <v>0</v>
      </c>
      <c r="P124" s="97">
        <v>90.6</v>
      </c>
      <c r="Q124" s="67"/>
    </row>
    <row r="125" spans="2:17" s="11" customFormat="1" ht="18" customHeight="1">
      <c r="B125" s="87" t="s">
        <v>149</v>
      </c>
      <c r="C125" s="88" t="s">
        <v>26</v>
      </c>
      <c r="D125" s="130"/>
      <c r="E125" s="131"/>
      <c r="F125" s="98">
        <v>1061</v>
      </c>
      <c r="G125" s="98">
        <v>1803</v>
      </c>
      <c r="H125" s="98">
        <v>855</v>
      </c>
      <c r="I125" s="98">
        <v>948</v>
      </c>
      <c r="J125" s="98">
        <v>115</v>
      </c>
      <c r="K125" s="98">
        <v>1316</v>
      </c>
      <c r="L125" s="132">
        <v>361</v>
      </c>
      <c r="M125" s="133">
        <v>1808</v>
      </c>
      <c r="N125" s="134">
        <v>988</v>
      </c>
      <c r="O125" s="100">
        <v>0</v>
      </c>
      <c r="P125" s="97">
        <v>100.9</v>
      </c>
      <c r="Q125" s="67"/>
    </row>
    <row r="126" spans="2:17" s="11" customFormat="1" ht="18" customHeight="1">
      <c r="B126" s="87"/>
      <c r="C126" s="88" t="s">
        <v>27</v>
      </c>
      <c r="D126" s="130"/>
      <c r="E126" s="131"/>
      <c r="F126" s="98">
        <v>1751</v>
      </c>
      <c r="G126" s="98">
        <v>3028</v>
      </c>
      <c r="H126" s="98">
        <v>1469</v>
      </c>
      <c r="I126" s="98">
        <v>1559</v>
      </c>
      <c r="J126" s="98">
        <v>274</v>
      </c>
      <c r="K126" s="98">
        <v>2243</v>
      </c>
      <c r="L126" s="132">
        <v>506</v>
      </c>
      <c r="M126" s="133">
        <v>3786</v>
      </c>
      <c r="N126" s="134">
        <v>2432</v>
      </c>
      <c r="O126" s="100">
        <v>0</v>
      </c>
      <c r="P126" s="97">
        <v>125.2</v>
      </c>
      <c r="Q126" s="67"/>
    </row>
    <row r="127" spans="2:17" s="11" customFormat="1" ht="18" customHeight="1">
      <c r="B127" s="87"/>
      <c r="C127" s="88" t="s">
        <v>28</v>
      </c>
      <c r="D127" s="130"/>
      <c r="E127" s="131"/>
      <c r="F127" s="98">
        <v>1180</v>
      </c>
      <c r="G127" s="98">
        <v>2236</v>
      </c>
      <c r="H127" s="98">
        <v>1104</v>
      </c>
      <c r="I127" s="98">
        <v>1132</v>
      </c>
      <c r="J127" s="98">
        <v>240</v>
      </c>
      <c r="K127" s="98">
        <v>1614</v>
      </c>
      <c r="L127" s="132">
        <v>373</v>
      </c>
      <c r="M127" s="133">
        <v>2263</v>
      </c>
      <c r="N127" s="134">
        <v>1162</v>
      </c>
      <c r="O127" s="100">
        <v>198</v>
      </c>
      <c r="P127" s="97">
        <v>101.6</v>
      </c>
      <c r="Q127" s="67"/>
    </row>
    <row r="128" spans="2:17" s="11" customFormat="1" ht="18" customHeight="1">
      <c r="B128" s="87" t="s">
        <v>150</v>
      </c>
      <c r="C128" s="88"/>
      <c r="D128" s="130"/>
      <c r="E128" s="131"/>
      <c r="F128" s="98">
        <v>338</v>
      </c>
      <c r="G128" s="98">
        <v>571</v>
      </c>
      <c r="H128" s="98">
        <v>277</v>
      </c>
      <c r="I128" s="98">
        <v>294</v>
      </c>
      <c r="J128" s="98">
        <v>53</v>
      </c>
      <c r="K128" s="98">
        <v>427</v>
      </c>
      <c r="L128" s="132">
        <v>64</v>
      </c>
      <c r="M128" s="133">
        <v>2088</v>
      </c>
      <c r="N128" s="134">
        <v>1338</v>
      </c>
      <c r="O128" s="100">
        <v>589</v>
      </c>
      <c r="P128" s="97">
        <v>383.8</v>
      </c>
      <c r="Q128" s="67"/>
    </row>
    <row r="129" spans="1:17" s="11" customFormat="1" ht="18" customHeight="1">
      <c r="B129" s="87" t="s">
        <v>151</v>
      </c>
      <c r="C129" s="88"/>
      <c r="D129" s="130"/>
      <c r="E129" s="131"/>
      <c r="F129" s="98">
        <v>143</v>
      </c>
      <c r="G129" s="98">
        <v>199</v>
      </c>
      <c r="H129" s="98">
        <v>109</v>
      </c>
      <c r="I129" s="98">
        <v>90</v>
      </c>
      <c r="J129" s="98">
        <v>1</v>
      </c>
      <c r="K129" s="98">
        <v>123</v>
      </c>
      <c r="L129" s="132">
        <v>75</v>
      </c>
      <c r="M129" s="133">
        <v>1318</v>
      </c>
      <c r="N129" s="134">
        <v>1216</v>
      </c>
      <c r="O129" s="100">
        <v>0</v>
      </c>
      <c r="P129" s="97">
        <v>662.3</v>
      </c>
      <c r="Q129" s="67"/>
    </row>
    <row r="130" spans="1:17" s="11" customFormat="1" ht="18" customHeight="1">
      <c r="B130" s="87" t="s">
        <v>152</v>
      </c>
      <c r="C130" s="88"/>
      <c r="D130" s="130"/>
      <c r="E130" s="131"/>
      <c r="F130" s="98">
        <v>171</v>
      </c>
      <c r="G130" s="98">
        <v>274</v>
      </c>
      <c r="H130" s="98">
        <v>128</v>
      </c>
      <c r="I130" s="98">
        <v>146</v>
      </c>
      <c r="J130" s="98">
        <v>19</v>
      </c>
      <c r="K130" s="98">
        <v>134</v>
      </c>
      <c r="L130" s="132">
        <v>51</v>
      </c>
      <c r="M130" s="133">
        <v>1263</v>
      </c>
      <c r="N130" s="134">
        <v>938</v>
      </c>
      <c r="O130" s="134">
        <v>256</v>
      </c>
      <c r="P130" s="97">
        <v>619.1</v>
      </c>
      <c r="Q130" s="67"/>
    </row>
    <row r="131" spans="1:17" s="11" customFormat="1" ht="18" customHeight="1">
      <c r="B131" s="87" t="s">
        <v>153</v>
      </c>
      <c r="C131" s="88" t="s">
        <v>26</v>
      </c>
      <c r="D131" s="130"/>
      <c r="E131" s="131"/>
      <c r="F131" s="98">
        <v>157</v>
      </c>
      <c r="G131" s="98">
        <v>235</v>
      </c>
      <c r="H131" s="98">
        <v>112</v>
      </c>
      <c r="I131" s="98">
        <v>123</v>
      </c>
      <c r="J131" s="98">
        <v>10</v>
      </c>
      <c r="K131" s="98">
        <v>174</v>
      </c>
      <c r="L131" s="132">
        <v>43</v>
      </c>
      <c r="M131" s="133">
        <v>1799</v>
      </c>
      <c r="N131" s="134">
        <v>1724</v>
      </c>
      <c r="O131" s="100">
        <v>0</v>
      </c>
      <c r="P131" s="97">
        <v>792.5</v>
      </c>
      <c r="Q131" s="67"/>
    </row>
    <row r="132" spans="1:17" s="11" customFormat="1" ht="18" customHeight="1">
      <c r="B132" s="87"/>
      <c r="C132" s="88" t="s">
        <v>27</v>
      </c>
      <c r="D132" s="130"/>
      <c r="E132" s="131"/>
      <c r="F132" s="98">
        <v>185</v>
      </c>
      <c r="G132" s="98">
        <v>281</v>
      </c>
      <c r="H132" s="98">
        <v>147</v>
      </c>
      <c r="I132" s="98">
        <v>134</v>
      </c>
      <c r="J132" s="98">
        <v>16</v>
      </c>
      <c r="K132" s="98">
        <v>208</v>
      </c>
      <c r="L132" s="132">
        <v>55</v>
      </c>
      <c r="M132" s="133">
        <v>3154</v>
      </c>
      <c r="N132" s="134">
        <v>2851</v>
      </c>
      <c r="O132" s="134">
        <v>222</v>
      </c>
      <c r="P132" s="97">
        <v>1130.5</v>
      </c>
      <c r="Q132" s="67"/>
    </row>
    <row r="133" spans="1:17" s="11" customFormat="1" ht="18" customHeight="1">
      <c r="B133" s="87" t="s">
        <v>154</v>
      </c>
      <c r="C133" s="88"/>
      <c r="D133" s="130"/>
      <c r="E133" s="131"/>
      <c r="F133" s="98">
        <v>342</v>
      </c>
      <c r="G133" s="98">
        <v>660</v>
      </c>
      <c r="H133" s="98">
        <v>355</v>
      </c>
      <c r="I133" s="98">
        <v>305</v>
      </c>
      <c r="J133" s="98">
        <v>55</v>
      </c>
      <c r="K133" s="98">
        <v>517</v>
      </c>
      <c r="L133" s="132">
        <v>82</v>
      </c>
      <c r="M133" s="133">
        <v>568</v>
      </c>
      <c r="N133" s="134">
        <v>253</v>
      </c>
      <c r="O133" s="100">
        <v>0</v>
      </c>
      <c r="P133" s="97">
        <v>86.9</v>
      </c>
      <c r="Q133" s="67"/>
    </row>
    <row r="134" spans="1:17" s="11" customFormat="1" ht="15.75" customHeight="1">
      <c r="B134" s="136" t="s">
        <v>155</v>
      </c>
      <c r="C134" s="137"/>
      <c r="D134" s="138"/>
      <c r="E134" s="139"/>
      <c r="F134" s="98">
        <v>658</v>
      </c>
      <c r="G134" s="98">
        <v>1445</v>
      </c>
      <c r="H134" s="98">
        <v>638</v>
      </c>
      <c r="I134" s="98">
        <v>807</v>
      </c>
      <c r="J134" s="98">
        <v>204</v>
      </c>
      <c r="K134" s="98">
        <v>935</v>
      </c>
      <c r="L134" s="132">
        <v>162</v>
      </c>
      <c r="M134" s="133">
        <v>1345</v>
      </c>
      <c r="N134" s="134">
        <v>892</v>
      </c>
      <c r="O134" s="100">
        <v>0</v>
      </c>
      <c r="P134" s="97">
        <v>103.4</v>
      </c>
      <c r="Q134" s="67"/>
    </row>
    <row r="135" spans="1:17" s="67" customFormat="1" ht="3.75" customHeight="1">
      <c r="A135" s="69"/>
      <c r="B135" s="70"/>
      <c r="C135" s="70"/>
      <c r="D135" s="69"/>
      <c r="E135" s="71"/>
      <c r="F135" s="72"/>
      <c r="G135" s="73"/>
      <c r="H135" s="72"/>
      <c r="I135" s="73"/>
      <c r="J135" s="72"/>
      <c r="K135" s="72"/>
      <c r="L135" s="73"/>
      <c r="M135" s="74"/>
      <c r="N135" s="75"/>
      <c r="O135" s="76"/>
      <c r="P135" s="77"/>
    </row>
  </sheetData>
  <mergeCells count="34">
    <mergeCell ref="J70:J71"/>
    <mergeCell ref="K70:K71"/>
    <mergeCell ref="L70:L71"/>
    <mergeCell ref="J28:J29"/>
    <mergeCell ref="K28:K29"/>
    <mergeCell ref="L28:L29"/>
    <mergeCell ref="C70:C71"/>
    <mergeCell ref="E70:E71"/>
    <mergeCell ref="F70:F71"/>
    <mergeCell ref="H70:H71"/>
    <mergeCell ref="I70:I71"/>
    <mergeCell ref="N70:N71"/>
    <mergeCell ref="O70:O71"/>
    <mergeCell ref="M6:O6"/>
    <mergeCell ref="P6:P7"/>
    <mergeCell ref="Q28:Q29"/>
    <mergeCell ref="M28:M29"/>
    <mergeCell ref="N28:N29"/>
    <mergeCell ref="P70:P71"/>
    <mergeCell ref="M70:M71"/>
    <mergeCell ref="A1:D1"/>
    <mergeCell ref="P28:P29"/>
    <mergeCell ref="B8:C8"/>
    <mergeCell ref="E28:E29"/>
    <mergeCell ref="F28:F29"/>
    <mergeCell ref="H28:H29"/>
    <mergeCell ref="I28:I29"/>
    <mergeCell ref="A4:P4"/>
    <mergeCell ref="B6:C7"/>
    <mergeCell ref="F6:F7"/>
    <mergeCell ref="G6:I6"/>
    <mergeCell ref="J6:L6"/>
    <mergeCell ref="O28:O29"/>
    <mergeCell ref="C28:C29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5" fitToHeight="0" orientation="portrait" r:id="rId1"/>
  <headerFooter alignWithMargins="0"/>
  <rowBreaks count="2" manualBreakCount="2">
    <brk id="49" max="15" man="1"/>
    <brk id="93" max="1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6"/>
  <sheetViews>
    <sheetView zoomScaleNormal="100" zoomScaleSheetLayoutView="130" workbookViewId="0">
      <pane ySplit="7" topLeftCell="A8" activePane="bottomLeft" state="frozen"/>
      <selection pane="bottomLeft" sqref="A1: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16" s="9" customFormat="1" ht="12" customHeight="1">
      <c r="N2" s="10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157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64" customFormat="1" ht="18.600000000000001" customHeight="1" thickTop="1">
      <c r="B8" s="429" t="s">
        <v>92</v>
      </c>
      <c r="C8" s="429"/>
      <c r="D8" s="78"/>
      <c r="E8" s="79"/>
      <c r="F8" s="152">
        <v>46499</v>
      </c>
      <c r="G8" s="153">
        <v>99831</v>
      </c>
      <c r="H8" s="154">
        <v>48623</v>
      </c>
      <c r="I8" s="155">
        <v>51208</v>
      </c>
      <c r="J8" s="83">
        <v>11631</v>
      </c>
      <c r="K8" s="83">
        <v>70065</v>
      </c>
      <c r="L8" s="83">
        <v>17974</v>
      </c>
      <c r="M8" s="84">
        <v>99985</v>
      </c>
      <c r="N8" s="85">
        <v>47034</v>
      </c>
      <c r="O8" s="85">
        <v>10365</v>
      </c>
      <c r="P8" s="86">
        <v>100.3</v>
      </c>
    </row>
    <row r="9" spans="1:16" s="11" customFormat="1" ht="9" customHeight="1">
      <c r="B9" s="87"/>
      <c r="C9" s="88"/>
      <c r="D9" s="89"/>
      <c r="E9" s="90"/>
      <c r="F9" s="91"/>
      <c r="G9" s="91"/>
      <c r="H9" s="92"/>
      <c r="I9" s="99"/>
      <c r="J9" s="94"/>
      <c r="K9" s="94"/>
      <c r="L9" s="94"/>
      <c r="M9" s="95"/>
      <c r="N9" s="96"/>
      <c r="O9" s="96"/>
      <c r="P9" s="97"/>
    </row>
    <row r="10" spans="1:16" s="11" customFormat="1" ht="15" customHeight="1">
      <c r="B10" s="87" t="s">
        <v>159</v>
      </c>
      <c r="C10" s="88" t="s">
        <v>26</v>
      </c>
      <c r="D10" s="89"/>
      <c r="E10" s="90"/>
      <c r="F10" s="98">
        <v>679</v>
      </c>
      <c r="G10" s="126">
        <v>1015</v>
      </c>
      <c r="H10" s="98">
        <v>534</v>
      </c>
      <c r="I10" s="126">
        <v>481</v>
      </c>
      <c r="J10" s="94">
        <v>65</v>
      </c>
      <c r="K10" s="94">
        <v>802</v>
      </c>
      <c r="L10" s="94">
        <v>105</v>
      </c>
      <c r="M10" s="95">
        <v>1624</v>
      </c>
      <c r="N10" s="96">
        <v>1237</v>
      </c>
      <c r="O10" s="103">
        <v>0</v>
      </c>
      <c r="P10" s="97">
        <v>167.1</v>
      </c>
    </row>
    <row r="11" spans="1:16" s="11" customFormat="1" ht="15" customHeight="1">
      <c r="B11" s="87"/>
      <c r="C11" s="88" t="s">
        <v>27</v>
      </c>
      <c r="D11" s="89"/>
      <c r="E11" s="90"/>
      <c r="F11" s="98">
        <v>432</v>
      </c>
      <c r="G11" s="126">
        <v>617</v>
      </c>
      <c r="H11" s="98">
        <v>290</v>
      </c>
      <c r="I11" s="126">
        <v>327</v>
      </c>
      <c r="J11" s="94">
        <v>25</v>
      </c>
      <c r="K11" s="94">
        <v>512</v>
      </c>
      <c r="L11" s="94">
        <v>79</v>
      </c>
      <c r="M11" s="95">
        <v>4395</v>
      </c>
      <c r="N11" s="96">
        <v>3987</v>
      </c>
      <c r="O11" s="103">
        <v>127</v>
      </c>
      <c r="P11" s="97">
        <v>713.5</v>
      </c>
    </row>
    <row r="12" spans="1:16" s="11" customFormat="1" ht="15" customHeight="1">
      <c r="B12" s="87" t="s">
        <v>160</v>
      </c>
      <c r="C12" s="88"/>
      <c r="D12" s="89"/>
      <c r="E12" s="90"/>
      <c r="F12" s="98">
        <v>620</v>
      </c>
      <c r="G12" s="126">
        <v>1146</v>
      </c>
      <c r="H12" s="98">
        <v>542</v>
      </c>
      <c r="I12" s="126">
        <v>604</v>
      </c>
      <c r="J12" s="94">
        <v>113</v>
      </c>
      <c r="K12" s="94">
        <v>849</v>
      </c>
      <c r="L12" s="94">
        <v>177</v>
      </c>
      <c r="M12" s="95">
        <v>1073</v>
      </c>
      <c r="N12" s="96">
        <v>643</v>
      </c>
      <c r="O12" s="103">
        <v>0</v>
      </c>
      <c r="P12" s="97">
        <v>94.2</v>
      </c>
    </row>
    <row r="13" spans="1:16" s="11" customFormat="1" ht="15" customHeight="1">
      <c r="B13" s="87" t="s">
        <v>161</v>
      </c>
      <c r="C13" s="88" t="s">
        <v>26</v>
      </c>
      <c r="D13" s="89"/>
      <c r="E13" s="90"/>
      <c r="F13" s="98">
        <v>742</v>
      </c>
      <c r="G13" s="126">
        <v>1216</v>
      </c>
      <c r="H13" s="98">
        <v>597</v>
      </c>
      <c r="I13" s="126">
        <v>619</v>
      </c>
      <c r="J13" s="94">
        <v>117</v>
      </c>
      <c r="K13" s="94">
        <v>946</v>
      </c>
      <c r="L13" s="94">
        <v>146</v>
      </c>
      <c r="M13" s="95">
        <v>2999</v>
      </c>
      <c r="N13" s="96">
        <v>2059</v>
      </c>
      <c r="O13" s="96">
        <v>391</v>
      </c>
      <c r="P13" s="97">
        <v>248.1</v>
      </c>
    </row>
    <row r="14" spans="1:16" s="11" customFormat="1" ht="15" customHeight="1">
      <c r="B14" s="87"/>
      <c r="C14" s="88" t="s">
        <v>27</v>
      </c>
      <c r="D14" s="89"/>
      <c r="E14" s="90"/>
      <c r="F14" s="98">
        <v>76</v>
      </c>
      <c r="G14" s="126">
        <v>331</v>
      </c>
      <c r="H14" s="98">
        <v>229</v>
      </c>
      <c r="I14" s="126">
        <v>102</v>
      </c>
      <c r="J14" s="94">
        <v>13</v>
      </c>
      <c r="K14" s="94">
        <v>213</v>
      </c>
      <c r="L14" s="94">
        <v>105</v>
      </c>
      <c r="M14" s="95">
        <v>4641</v>
      </c>
      <c r="N14" s="96">
        <v>4406</v>
      </c>
      <c r="O14" s="103">
        <v>0</v>
      </c>
      <c r="P14" s="97">
        <v>1402.1</v>
      </c>
    </row>
    <row r="15" spans="1:16" s="11" customFormat="1" ht="15" customHeight="1">
      <c r="B15" s="87"/>
      <c r="C15" s="88" t="s">
        <v>28</v>
      </c>
      <c r="D15" s="89"/>
      <c r="E15" s="90"/>
      <c r="F15" s="98">
        <v>237</v>
      </c>
      <c r="G15" s="126">
        <v>429</v>
      </c>
      <c r="H15" s="98">
        <v>206</v>
      </c>
      <c r="I15" s="126">
        <v>223</v>
      </c>
      <c r="J15" s="94">
        <v>20</v>
      </c>
      <c r="K15" s="94">
        <v>289</v>
      </c>
      <c r="L15" s="94">
        <v>120</v>
      </c>
      <c r="M15" s="95">
        <v>2653</v>
      </c>
      <c r="N15" s="96">
        <v>2484</v>
      </c>
      <c r="O15" s="103">
        <v>0</v>
      </c>
      <c r="P15" s="97">
        <v>618.4</v>
      </c>
    </row>
    <row r="16" spans="1:16" s="11" customFormat="1" ht="15" customHeight="1">
      <c r="B16" s="87"/>
      <c r="C16" s="88" t="s">
        <v>29</v>
      </c>
      <c r="D16" s="89"/>
      <c r="E16" s="90"/>
      <c r="F16" s="98">
        <v>785</v>
      </c>
      <c r="G16" s="126">
        <v>1328</v>
      </c>
      <c r="H16" s="98">
        <v>654</v>
      </c>
      <c r="I16" s="126">
        <v>674</v>
      </c>
      <c r="J16" s="94">
        <v>103</v>
      </c>
      <c r="K16" s="94">
        <v>914</v>
      </c>
      <c r="L16" s="94">
        <v>310</v>
      </c>
      <c r="M16" s="95">
        <v>3844</v>
      </c>
      <c r="N16" s="96">
        <v>1851</v>
      </c>
      <c r="O16" s="96">
        <v>1351</v>
      </c>
      <c r="P16" s="97">
        <v>289.7</v>
      </c>
    </row>
    <row r="17" spans="2:16" s="11" customFormat="1" ht="15" customHeight="1">
      <c r="B17" s="87"/>
      <c r="C17" s="88" t="s">
        <v>30</v>
      </c>
      <c r="D17" s="89"/>
      <c r="E17" s="90"/>
      <c r="F17" s="98">
        <v>619</v>
      </c>
      <c r="G17" s="126">
        <v>1247</v>
      </c>
      <c r="H17" s="98">
        <v>603</v>
      </c>
      <c r="I17" s="126">
        <v>644</v>
      </c>
      <c r="J17" s="94">
        <v>92</v>
      </c>
      <c r="K17" s="94">
        <v>900</v>
      </c>
      <c r="L17" s="94">
        <v>255</v>
      </c>
      <c r="M17" s="95">
        <v>2354</v>
      </c>
      <c r="N17" s="96">
        <v>1386</v>
      </c>
      <c r="O17" s="96">
        <v>356</v>
      </c>
      <c r="P17" s="97">
        <v>188.8</v>
      </c>
    </row>
    <row r="18" spans="2:16" s="11" customFormat="1" ht="15" customHeight="1">
      <c r="B18" s="87" t="s">
        <v>162</v>
      </c>
      <c r="C18" s="88" t="s">
        <v>26</v>
      </c>
      <c r="D18" s="89"/>
      <c r="E18" s="90"/>
      <c r="F18" s="98">
        <v>543</v>
      </c>
      <c r="G18" s="126">
        <v>822</v>
      </c>
      <c r="H18" s="98">
        <v>421</v>
      </c>
      <c r="I18" s="126">
        <v>401</v>
      </c>
      <c r="J18" s="94">
        <v>60</v>
      </c>
      <c r="K18" s="94">
        <v>624</v>
      </c>
      <c r="L18" s="94">
        <v>127</v>
      </c>
      <c r="M18" s="95">
        <v>1047</v>
      </c>
      <c r="N18" s="96">
        <v>608</v>
      </c>
      <c r="O18" s="103">
        <v>0</v>
      </c>
      <c r="P18" s="97">
        <v>129.1</v>
      </c>
    </row>
    <row r="19" spans="2:16" s="11" customFormat="1" ht="15" customHeight="1">
      <c r="B19" s="87"/>
      <c r="C19" s="88" t="s">
        <v>27</v>
      </c>
      <c r="D19" s="89"/>
      <c r="E19" s="90"/>
      <c r="F19" s="98">
        <v>1113</v>
      </c>
      <c r="G19" s="126">
        <v>1737</v>
      </c>
      <c r="H19" s="98">
        <v>956</v>
      </c>
      <c r="I19" s="126">
        <v>781</v>
      </c>
      <c r="J19" s="94">
        <v>124</v>
      </c>
      <c r="K19" s="94">
        <v>1324</v>
      </c>
      <c r="L19" s="94">
        <v>288</v>
      </c>
      <c r="M19" s="95">
        <v>1951</v>
      </c>
      <c r="N19" s="96">
        <v>1144</v>
      </c>
      <c r="O19" s="103">
        <v>0</v>
      </c>
      <c r="P19" s="97">
        <v>112.4</v>
      </c>
    </row>
    <row r="20" spans="2:16" s="11" customFormat="1" ht="15" customHeight="1">
      <c r="B20" s="87"/>
      <c r="C20" s="88" t="s">
        <v>28</v>
      </c>
      <c r="D20" s="89"/>
      <c r="E20" s="90"/>
      <c r="F20" s="98">
        <v>548</v>
      </c>
      <c r="G20" s="126">
        <v>1109</v>
      </c>
      <c r="H20" s="98">
        <v>549</v>
      </c>
      <c r="I20" s="126">
        <v>560</v>
      </c>
      <c r="J20" s="94">
        <v>127</v>
      </c>
      <c r="K20" s="94">
        <v>742</v>
      </c>
      <c r="L20" s="94">
        <v>240</v>
      </c>
      <c r="M20" s="95">
        <v>2177</v>
      </c>
      <c r="N20" s="96">
        <v>1016</v>
      </c>
      <c r="O20" s="96">
        <v>709</v>
      </c>
      <c r="P20" s="97">
        <v>196.3</v>
      </c>
    </row>
    <row r="21" spans="2:16" s="11" customFormat="1" ht="15" customHeight="1">
      <c r="B21" s="87"/>
      <c r="C21" s="88" t="s">
        <v>29</v>
      </c>
      <c r="D21" s="89"/>
      <c r="E21" s="90"/>
      <c r="F21" s="98">
        <v>1406</v>
      </c>
      <c r="G21" s="126">
        <v>2401</v>
      </c>
      <c r="H21" s="98">
        <v>1135</v>
      </c>
      <c r="I21" s="126">
        <v>1266</v>
      </c>
      <c r="J21" s="94">
        <v>198</v>
      </c>
      <c r="K21" s="94">
        <v>1657</v>
      </c>
      <c r="L21" s="94">
        <v>531</v>
      </c>
      <c r="M21" s="95">
        <v>2159</v>
      </c>
      <c r="N21" s="96">
        <v>1048</v>
      </c>
      <c r="O21" s="103">
        <v>0</v>
      </c>
      <c r="P21" s="97">
        <v>90.5</v>
      </c>
    </row>
    <row r="22" spans="2:16" s="11" customFormat="1" ht="15" customHeight="1">
      <c r="B22" s="87"/>
      <c r="C22" s="88" t="s">
        <v>30</v>
      </c>
      <c r="D22" s="89"/>
      <c r="E22" s="90"/>
      <c r="F22" s="98">
        <v>1529</v>
      </c>
      <c r="G22" s="126">
        <v>3177</v>
      </c>
      <c r="H22" s="98">
        <v>1397</v>
      </c>
      <c r="I22" s="126">
        <v>1780</v>
      </c>
      <c r="J22" s="94">
        <v>313</v>
      </c>
      <c r="K22" s="94">
        <v>2105</v>
      </c>
      <c r="L22" s="94">
        <v>751</v>
      </c>
      <c r="M22" s="95">
        <v>2590</v>
      </c>
      <c r="N22" s="96">
        <v>1070</v>
      </c>
      <c r="O22" s="96">
        <v>190</v>
      </c>
      <c r="P22" s="97">
        <v>81.7</v>
      </c>
    </row>
    <row r="23" spans="2:16" s="11" customFormat="1" ht="15" customHeight="1">
      <c r="B23" s="87" t="s">
        <v>163</v>
      </c>
      <c r="C23" s="88" t="s">
        <v>26</v>
      </c>
      <c r="D23" s="89"/>
      <c r="E23" s="90"/>
      <c r="F23" s="98">
        <v>1646</v>
      </c>
      <c r="G23" s="126">
        <v>3334</v>
      </c>
      <c r="H23" s="98">
        <v>1580</v>
      </c>
      <c r="I23" s="126">
        <v>1754</v>
      </c>
      <c r="J23" s="94">
        <v>478</v>
      </c>
      <c r="K23" s="94">
        <v>2400</v>
      </c>
      <c r="L23" s="94">
        <v>448</v>
      </c>
      <c r="M23" s="95">
        <v>1944</v>
      </c>
      <c r="N23" s="96">
        <v>607</v>
      </c>
      <c r="O23" s="103">
        <v>0</v>
      </c>
      <c r="P23" s="97">
        <v>58.4</v>
      </c>
    </row>
    <row r="24" spans="2:16" s="11" customFormat="1" ht="15" customHeight="1">
      <c r="B24" s="87"/>
      <c r="C24" s="88" t="s">
        <v>27</v>
      </c>
      <c r="D24" s="89"/>
      <c r="E24" s="90"/>
      <c r="F24" s="98">
        <v>2402</v>
      </c>
      <c r="G24" s="126">
        <v>4804</v>
      </c>
      <c r="H24" s="98">
        <v>2283</v>
      </c>
      <c r="I24" s="126">
        <v>2521</v>
      </c>
      <c r="J24" s="94">
        <v>380</v>
      </c>
      <c r="K24" s="94">
        <v>3537</v>
      </c>
      <c r="L24" s="94">
        <v>884</v>
      </c>
      <c r="M24" s="95">
        <v>2677</v>
      </c>
      <c r="N24" s="96">
        <v>611</v>
      </c>
      <c r="O24" s="103">
        <v>0</v>
      </c>
      <c r="P24" s="97">
        <v>55.8</v>
      </c>
    </row>
    <row r="25" spans="2:16" s="11" customFormat="1" ht="15" customHeight="1">
      <c r="B25" s="87" t="s">
        <v>164</v>
      </c>
      <c r="C25" s="88" t="s">
        <v>26</v>
      </c>
      <c r="D25" s="89"/>
      <c r="E25" s="90"/>
      <c r="F25" s="98">
        <v>512</v>
      </c>
      <c r="G25" s="126">
        <v>1198</v>
      </c>
      <c r="H25" s="98">
        <v>553</v>
      </c>
      <c r="I25" s="126">
        <v>645</v>
      </c>
      <c r="J25" s="94">
        <v>111</v>
      </c>
      <c r="K25" s="94">
        <v>720</v>
      </c>
      <c r="L25" s="94">
        <v>367</v>
      </c>
      <c r="M25" s="95">
        <v>825</v>
      </c>
      <c r="N25" s="96">
        <v>273</v>
      </c>
      <c r="O25" s="103">
        <v>0</v>
      </c>
      <c r="P25" s="97">
        <v>68.900000000000006</v>
      </c>
    </row>
    <row r="26" spans="2:16" s="11" customFormat="1" ht="15" customHeight="1">
      <c r="B26" s="87"/>
      <c r="C26" s="88" t="s">
        <v>27</v>
      </c>
      <c r="D26" s="89"/>
      <c r="E26" s="90"/>
      <c r="F26" s="98">
        <v>1096</v>
      </c>
      <c r="G26" s="126">
        <v>2136</v>
      </c>
      <c r="H26" s="98">
        <v>1048</v>
      </c>
      <c r="I26" s="126">
        <v>1088</v>
      </c>
      <c r="J26" s="94">
        <v>185</v>
      </c>
      <c r="K26" s="94">
        <v>1354</v>
      </c>
      <c r="L26" s="94">
        <v>597</v>
      </c>
      <c r="M26" s="95">
        <v>1538</v>
      </c>
      <c r="N26" s="96">
        <v>503</v>
      </c>
      <c r="O26" s="103">
        <v>0</v>
      </c>
      <c r="P26" s="97">
        <v>72</v>
      </c>
    </row>
    <row r="27" spans="2:16" s="11" customFormat="1" ht="15" customHeight="1">
      <c r="B27" s="87"/>
      <c r="C27" s="88" t="s">
        <v>28</v>
      </c>
      <c r="D27" s="89"/>
      <c r="E27" s="90"/>
      <c r="F27" s="98">
        <v>1354</v>
      </c>
      <c r="G27" s="126">
        <v>2706</v>
      </c>
      <c r="H27" s="98">
        <v>1366</v>
      </c>
      <c r="I27" s="126">
        <v>1340</v>
      </c>
      <c r="J27" s="94">
        <v>318</v>
      </c>
      <c r="K27" s="94">
        <v>1833</v>
      </c>
      <c r="L27" s="94">
        <v>555</v>
      </c>
      <c r="M27" s="95">
        <v>1660</v>
      </c>
      <c r="N27" s="96">
        <v>570</v>
      </c>
      <c r="O27" s="103">
        <v>0</v>
      </c>
      <c r="P27" s="97">
        <v>61.3</v>
      </c>
    </row>
    <row r="28" spans="2:16" s="11" customFormat="1" ht="15" customHeight="1">
      <c r="B28" s="87" t="s">
        <v>165</v>
      </c>
      <c r="C28" s="88" t="s">
        <v>26</v>
      </c>
      <c r="D28" s="89"/>
      <c r="E28" s="90"/>
      <c r="F28" s="98">
        <v>763</v>
      </c>
      <c r="G28" s="126">
        <v>1473</v>
      </c>
      <c r="H28" s="98">
        <v>701</v>
      </c>
      <c r="I28" s="126">
        <v>772</v>
      </c>
      <c r="J28" s="94">
        <v>149</v>
      </c>
      <c r="K28" s="94">
        <v>1023</v>
      </c>
      <c r="L28" s="94">
        <v>300</v>
      </c>
      <c r="M28" s="95">
        <v>1813</v>
      </c>
      <c r="N28" s="96">
        <v>1151</v>
      </c>
      <c r="O28" s="103">
        <v>0</v>
      </c>
      <c r="P28" s="97">
        <v>123.2</v>
      </c>
    </row>
    <row r="29" spans="2:16" s="11" customFormat="1" ht="15" customHeight="1">
      <c r="B29" s="87"/>
      <c r="C29" s="88" t="s">
        <v>27</v>
      </c>
      <c r="D29" s="89"/>
      <c r="E29" s="90"/>
      <c r="F29" s="98">
        <v>624</v>
      </c>
      <c r="G29" s="126">
        <v>975</v>
      </c>
      <c r="H29" s="98">
        <v>484</v>
      </c>
      <c r="I29" s="126">
        <v>491</v>
      </c>
      <c r="J29" s="94">
        <v>75</v>
      </c>
      <c r="K29" s="94">
        <v>711</v>
      </c>
      <c r="L29" s="94">
        <v>185</v>
      </c>
      <c r="M29" s="95">
        <v>2753</v>
      </c>
      <c r="N29" s="96">
        <v>2301</v>
      </c>
      <c r="O29" s="103">
        <v>0</v>
      </c>
      <c r="P29" s="97">
        <v>283.5</v>
      </c>
    </row>
    <row r="30" spans="2:16" s="11" customFormat="1" ht="15" customHeight="1">
      <c r="B30" s="87"/>
      <c r="C30" s="88" t="s">
        <v>28</v>
      </c>
      <c r="D30" s="89"/>
      <c r="E30" s="90"/>
      <c r="F30" s="98">
        <v>1102</v>
      </c>
      <c r="G30" s="126">
        <v>2194</v>
      </c>
      <c r="H30" s="98">
        <v>1057</v>
      </c>
      <c r="I30" s="126">
        <v>1137</v>
      </c>
      <c r="J30" s="94">
        <v>222</v>
      </c>
      <c r="K30" s="94">
        <v>1493</v>
      </c>
      <c r="L30" s="94">
        <v>479</v>
      </c>
      <c r="M30" s="95">
        <v>2908</v>
      </c>
      <c r="N30" s="96">
        <v>1672</v>
      </c>
      <c r="O30" s="96">
        <v>321</v>
      </c>
      <c r="P30" s="97">
        <v>132.5</v>
      </c>
    </row>
    <row r="31" spans="2:16" s="11" customFormat="1" ht="15" customHeight="1">
      <c r="B31" s="87"/>
      <c r="C31" s="88" t="s">
        <v>29</v>
      </c>
      <c r="D31" s="89"/>
      <c r="E31" s="90"/>
      <c r="F31" s="98">
        <v>1066</v>
      </c>
      <c r="G31" s="126">
        <v>2188</v>
      </c>
      <c r="H31" s="98">
        <v>1085</v>
      </c>
      <c r="I31" s="126">
        <v>1103</v>
      </c>
      <c r="J31" s="94">
        <v>239</v>
      </c>
      <c r="K31" s="94">
        <v>1410</v>
      </c>
      <c r="L31" s="94">
        <v>539</v>
      </c>
      <c r="M31" s="95">
        <v>2174</v>
      </c>
      <c r="N31" s="96">
        <v>743</v>
      </c>
      <c r="O31" s="96">
        <v>402</v>
      </c>
      <c r="P31" s="97">
        <v>99.4</v>
      </c>
    </row>
    <row r="32" spans="2:16" s="11" customFormat="1" ht="15" customHeight="1">
      <c r="B32" s="87"/>
      <c r="C32" s="88" t="s">
        <v>30</v>
      </c>
      <c r="D32" s="89"/>
      <c r="E32" s="90"/>
      <c r="F32" s="98">
        <v>659</v>
      </c>
      <c r="G32" s="126">
        <v>1255</v>
      </c>
      <c r="H32" s="98">
        <v>584</v>
      </c>
      <c r="I32" s="126">
        <v>671</v>
      </c>
      <c r="J32" s="94">
        <v>127</v>
      </c>
      <c r="K32" s="94">
        <v>881</v>
      </c>
      <c r="L32" s="94">
        <v>247</v>
      </c>
      <c r="M32" s="95">
        <v>1045</v>
      </c>
      <c r="N32" s="96">
        <v>527</v>
      </c>
      <c r="O32" s="103">
        <v>0</v>
      </c>
      <c r="P32" s="97">
        <v>83.3</v>
      </c>
    </row>
    <row r="33" spans="2:16" s="11" customFormat="1" ht="15" customHeight="1">
      <c r="B33" s="87" t="s">
        <v>166</v>
      </c>
      <c r="C33" s="88" t="s">
        <v>26</v>
      </c>
      <c r="D33" s="89"/>
      <c r="E33" s="90"/>
      <c r="F33" s="98">
        <v>1381</v>
      </c>
      <c r="G33" s="126">
        <v>2457</v>
      </c>
      <c r="H33" s="98">
        <v>1150</v>
      </c>
      <c r="I33" s="126">
        <v>1307</v>
      </c>
      <c r="J33" s="94">
        <v>236</v>
      </c>
      <c r="K33" s="94">
        <v>1780</v>
      </c>
      <c r="L33" s="94">
        <v>435</v>
      </c>
      <c r="M33" s="95">
        <v>2755</v>
      </c>
      <c r="N33" s="96">
        <v>1642</v>
      </c>
      <c r="O33" s="103">
        <v>0</v>
      </c>
      <c r="P33" s="97">
        <v>112.4</v>
      </c>
    </row>
    <row r="34" spans="2:16" s="11" customFormat="1" ht="15" customHeight="1">
      <c r="B34" s="87"/>
      <c r="C34" s="88" t="s">
        <v>27</v>
      </c>
      <c r="D34" s="89"/>
      <c r="E34" s="90"/>
      <c r="F34" s="98">
        <v>2355</v>
      </c>
      <c r="G34" s="126">
        <v>4620</v>
      </c>
      <c r="H34" s="98">
        <v>2178</v>
      </c>
      <c r="I34" s="126">
        <v>2442</v>
      </c>
      <c r="J34" s="94">
        <v>646</v>
      </c>
      <c r="K34" s="94">
        <v>3261</v>
      </c>
      <c r="L34" s="94">
        <v>713</v>
      </c>
      <c r="M34" s="95">
        <v>2974</v>
      </c>
      <c r="N34" s="96">
        <v>973</v>
      </c>
      <c r="O34" s="103">
        <v>0</v>
      </c>
      <c r="P34" s="97">
        <v>64.400000000000006</v>
      </c>
    </row>
    <row r="35" spans="2:16" s="11" customFormat="1" ht="15" customHeight="1">
      <c r="B35" s="87" t="s">
        <v>167</v>
      </c>
      <c r="C35" s="88" t="s">
        <v>26</v>
      </c>
      <c r="D35" s="89"/>
      <c r="E35" s="90"/>
      <c r="F35" s="98">
        <v>478</v>
      </c>
      <c r="G35" s="126">
        <v>935</v>
      </c>
      <c r="H35" s="98">
        <v>438</v>
      </c>
      <c r="I35" s="126">
        <v>497</v>
      </c>
      <c r="J35" s="94">
        <v>79</v>
      </c>
      <c r="K35" s="94">
        <v>631</v>
      </c>
      <c r="L35" s="94">
        <v>225</v>
      </c>
      <c r="M35" s="95">
        <v>2660</v>
      </c>
      <c r="N35" s="96">
        <v>744</v>
      </c>
      <c r="O35" s="96">
        <v>1545</v>
      </c>
      <c r="P35" s="97">
        <v>284.5</v>
      </c>
    </row>
    <row r="36" spans="2:16" s="11" customFormat="1" ht="15" customHeight="1">
      <c r="B36" s="87"/>
      <c r="C36" s="88" t="s">
        <v>27</v>
      </c>
      <c r="D36" s="89"/>
      <c r="E36" s="90"/>
      <c r="F36" s="98">
        <v>189</v>
      </c>
      <c r="G36" s="126">
        <v>468</v>
      </c>
      <c r="H36" s="98">
        <v>233</v>
      </c>
      <c r="I36" s="126">
        <v>235</v>
      </c>
      <c r="J36" s="94">
        <v>71</v>
      </c>
      <c r="K36" s="94">
        <v>318</v>
      </c>
      <c r="L36" s="94">
        <v>79</v>
      </c>
      <c r="M36" s="95">
        <v>512</v>
      </c>
      <c r="N36" s="96">
        <v>328</v>
      </c>
      <c r="O36" s="103">
        <v>0</v>
      </c>
      <c r="P36" s="97">
        <v>109.4</v>
      </c>
    </row>
    <row r="37" spans="2:16" s="11" customFormat="1" ht="15.75" customHeight="1">
      <c r="B37" s="87" t="s">
        <v>168</v>
      </c>
      <c r="C37" s="88" t="s">
        <v>26</v>
      </c>
      <c r="D37" s="89"/>
      <c r="E37" s="90"/>
      <c r="F37" s="98">
        <v>1310</v>
      </c>
      <c r="G37" s="126">
        <v>2410</v>
      </c>
      <c r="H37" s="98">
        <v>1175</v>
      </c>
      <c r="I37" s="126">
        <v>1235</v>
      </c>
      <c r="J37" s="94">
        <v>302</v>
      </c>
      <c r="K37" s="94">
        <v>1753</v>
      </c>
      <c r="L37" s="94">
        <v>355</v>
      </c>
      <c r="M37" s="95">
        <v>2112</v>
      </c>
      <c r="N37" s="96">
        <v>1125</v>
      </c>
      <c r="O37" s="103">
        <v>0</v>
      </c>
      <c r="P37" s="97">
        <v>87.6</v>
      </c>
    </row>
    <row r="38" spans="2:16" s="11" customFormat="1" ht="15" customHeight="1">
      <c r="B38" s="87"/>
      <c r="C38" s="88" t="s">
        <v>27</v>
      </c>
      <c r="D38" s="89"/>
      <c r="E38" s="90"/>
      <c r="F38" s="98">
        <v>481</v>
      </c>
      <c r="G38" s="126">
        <v>1057</v>
      </c>
      <c r="H38" s="98">
        <v>544</v>
      </c>
      <c r="I38" s="126">
        <v>513</v>
      </c>
      <c r="J38" s="94">
        <v>150</v>
      </c>
      <c r="K38" s="94">
        <v>707</v>
      </c>
      <c r="L38" s="94">
        <v>200</v>
      </c>
      <c r="M38" s="95">
        <v>1075</v>
      </c>
      <c r="N38" s="96">
        <v>676</v>
      </c>
      <c r="O38" s="103">
        <v>0</v>
      </c>
      <c r="P38" s="97">
        <v>101.7</v>
      </c>
    </row>
    <row r="39" spans="2:16" s="11" customFormat="1" ht="15" customHeight="1">
      <c r="B39" s="87"/>
      <c r="C39" s="88" t="s">
        <v>28</v>
      </c>
      <c r="D39" s="89"/>
      <c r="E39" s="90"/>
      <c r="F39" s="98">
        <v>597</v>
      </c>
      <c r="G39" s="126">
        <v>1431</v>
      </c>
      <c r="H39" s="98">
        <v>716</v>
      </c>
      <c r="I39" s="126">
        <v>715</v>
      </c>
      <c r="J39" s="94">
        <v>256</v>
      </c>
      <c r="K39" s="94">
        <v>923</v>
      </c>
      <c r="L39" s="94">
        <v>252</v>
      </c>
      <c r="M39" s="95">
        <v>1877</v>
      </c>
      <c r="N39" s="96">
        <v>576</v>
      </c>
      <c r="O39" s="96">
        <v>725</v>
      </c>
      <c r="P39" s="97">
        <v>131.19999999999999</v>
      </c>
    </row>
    <row r="40" spans="2:16" s="11" customFormat="1" ht="15" customHeight="1">
      <c r="B40" s="87" t="s">
        <v>169</v>
      </c>
      <c r="C40" s="88" t="s">
        <v>26</v>
      </c>
      <c r="D40" s="89"/>
      <c r="E40" s="90"/>
      <c r="F40" s="98">
        <v>684</v>
      </c>
      <c r="G40" s="126">
        <v>1381</v>
      </c>
      <c r="H40" s="98">
        <v>649</v>
      </c>
      <c r="I40" s="126">
        <v>732</v>
      </c>
      <c r="J40" s="94">
        <v>162</v>
      </c>
      <c r="K40" s="94">
        <v>943</v>
      </c>
      <c r="L40" s="94">
        <v>276</v>
      </c>
      <c r="M40" s="95">
        <v>1547</v>
      </c>
      <c r="N40" s="96">
        <v>540</v>
      </c>
      <c r="O40" s="96">
        <v>385</v>
      </c>
      <c r="P40" s="97">
        <v>112</v>
      </c>
    </row>
    <row r="41" spans="2:16" s="11" customFormat="1" ht="15" customHeight="1">
      <c r="B41" s="87" t="s">
        <v>123</v>
      </c>
      <c r="C41" s="88" t="s">
        <v>27</v>
      </c>
      <c r="D41" s="89"/>
      <c r="E41" s="90"/>
      <c r="F41" s="98">
        <v>674</v>
      </c>
      <c r="G41" s="126">
        <v>1688</v>
      </c>
      <c r="H41" s="98">
        <v>807</v>
      </c>
      <c r="I41" s="126">
        <v>881</v>
      </c>
      <c r="J41" s="94">
        <v>193</v>
      </c>
      <c r="K41" s="94">
        <v>1100</v>
      </c>
      <c r="L41" s="94">
        <v>395</v>
      </c>
      <c r="M41" s="95">
        <v>973</v>
      </c>
      <c r="N41" s="96">
        <v>332</v>
      </c>
      <c r="O41" s="103">
        <v>0</v>
      </c>
      <c r="P41" s="97">
        <v>57.6</v>
      </c>
    </row>
    <row r="42" spans="2:16" s="11" customFormat="1" ht="15" customHeight="1">
      <c r="B42" s="87" t="s">
        <v>170</v>
      </c>
      <c r="C42" s="88" t="s">
        <v>26</v>
      </c>
      <c r="D42" s="89"/>
      <c r="E42" s="90"/>
      <c r="F42" s="98">
        <v>1202</v>
      </c>
      <c r="G42" s="126">
        <v>2180</v>
      </c>
      <c r="H42" s="98">
        <v>1042</v>
      </c>
      <c r="I42" s="126">
        <v>1138</v>
      </c>
      <c r="J42" s="94">
        <v>255</v>
      </c>
      <c r="K42" s="94">
        <v>1568</v>
      </c>
      <c r="L42" s="94">
        <v>357</v>
      </c>
      <c r="M42" s="95">
        <v>1360</v>
      </c>
      <c r="N42" s="96">
        <v>515</v>
      </c>
      <c r="O42" s="103">
        <v>0</v>
      </c>
      <c r="P42" s="97">
        <v>62.4</v>
      </c>
    </row>
    <row r="43" spans="2:16" s="11" customFormat="1" ht="15" customHeight="1">
      <c r="B43" s="87"/>
      <c r="C43" s="88" t="s">
        <v>27</v>
      </c>
      <c r="D43" s="89"/>
      <c r="E43" s="90"/>
      <c r="F43" s="98">
        <v>1072</v>
      </c>
      <c r="G43" s="126">
        <v>2246</v>
      </c>
      <c r="H43" s="98">
        <v>1060</v>
      </c>
      <c r="I43" s="126">
        <v>1186</v>
      </c>
      <c r="J43" s="94">
        <v>254</v>
      </c>
      <c r="K43" s="94">
        <v>1441</v>
      </c>
      <c r="L43" s="94">
        <v>535</v>
      </c>
      <c r="M43" s="95">
        <v>1848</v>
      </c>
      <c r="N43" s="96">
        <v>835</v>
      </c>
      <c r="O43" s="103">
        <v>0</v>
      </c>
      <c r="P43" s="97">
        <v>82.9</v>
      </c>
    </row>
    <row r="44" spans="2:16" s="11" customFormat="1" ht="15" customHeight="1">
      <c r="B44" s="136"/>
      <c r="C44" s="137" t="s">
        <v>28</v>
      </c>
      <c r="D44" s="89"/>
      <c r="E44" s="90"/>
      <c r="F44" s="98">
        <v>561</v>
      </c>
      <c r="G44" s="123">
        <v>1006</v>
      </c>
      <c r="H44" s="98">
        <v>506</v>
      </c>
      <c r="I44" s="123">
        <v>500</v>
      </c>
      <c r="J44" s="98">
        <v>94</v>
      </c>
      <c r="K44" s="98">
        <v>719</v>
      </c>
      <c r="L44" s="156">
        <v>186</v>
      </c>
      <c r="M44" s="95">
        <v>1104</v>
      </c>
      <c r="N44" s="134">
        <v>360</v>
      </c>
      <c r="O44" s="157">
        <v>253</v>
      </c>
      <c r="P44" s="158">
        <v>110.5</v>
      </c>
    </row>
    <row r="45" spans="2:16" s="11" customFormat="1" ht="15" customHeight="1">
      <c r="B45" s="136" t="s">
        <v>123</v>
      </c>
      <c r="C45" s="137" t="s">
        <v>29</v>
      </c>
      <c r="D45" s="89"/>
      <c r="E45" s="90"/>
      <c r="F45" s="98">
        <v>392</v>
      </c>
      <c r="G45" s="94">
        <v>898</v>
      </c>
      <c r="H45" s="98">
        <v>436</v>
      </c>
      <c r="I45" s="123">
        <v>462</v>
      </c>
      <c r="J45" s="98">
        <v>102</v>
      </c>
      <c r="K45" s="98">
        <v>568</v>
      </c>
      <c r="L45" s="156">
        <v>227</v>
      </c>
      <c r="M45" s="159">
        <v>589</v>
      </c>
      <c r="N45" s="160">
        <v>214</v>
      </c>
      <c r="O45" s="103">
        <v>0</v>
      </c>
      <c r="P45" s="97">
        <v>65.7</v>
      </c>
    </row>
    <row r="46" spans="2:16" s="11" customFormat="1" ht="15" customHeight="1">
      <c r="B46" s="87" t="s">
        <v>171</v>
      </c>
      <c r="C46" s="88" t="s">
        <v>26</v>
      </c>
      <c r="D46" s="89"/>
      <c r="E46" s="90"/>
      <c r="F46" s="98">
        <v>6022</v>
      </c>
      <c r="G46" s="126">
        <v>18127</v>
      </c>
      <c r="H46" s="98">
        <v>9229</v>
      </c>
      <c r="I46" s="126">
        <v>8898</v>
      </c>
      <c r="J46" s="94">
        <v>2444</v>
      </c>
      <c r="K46" s="94">
        <v>13825</v>
      </c>
      <c r="L46" s="94">
        <v>1853</v>
      </c>
      <c r="M46" s="159">
        <v>9427</v>
      </c>
      <c r="N46" s="161">
        <v>888</v>
      </c>
      <c r="O46" s="96">
        <v>1400</v>
      </c>
      <c r="P46" s="97">
        <v>52</v>
      </c>
    </row>
    <row r="47" spans="2:16" s="11" customFormat="1" ht="15" customHeight="1">
      <c r="B47" s="87"/>
      <c r="C47" s="88" t="s">
        <v>27</v>
      </c>
      <c r="D47" s="89"/>
      <c r="E47" s="90"/>
      <c r="F47" s="98">
        <v>626</v>
      </c>
      <c r="G47" s="126">
        <v>1181</v>
      </c>
      <c r="H47" s="98">
        <v>545</v>
      </c>
      <c r="I47" s="126">
        <v>636</v>
      </c>
      <c r="J47" s="94">
        <v>126</v>
      </c>
      <c r="K47" s="94">
        <v>819</v>
      </c>
      <c r="L47" s="94">
        <v>236</v>
      </c>
      <c r="M47" s="159">
        <v>1880</v>
      </c>
      <c r="N47" s="161">
        <v>1350</v>
      </c>
      <c r="O47" s="103">
        <v>0</v>
      </c>
      <c r="P47" s="97">
        <v>159.19999999999999</v>
      </c>
    </row>
    <row r="48" spans="2:16" s="11" customFormat="1" ht="15" customHeight="1">
      <c r="B48" s="87"/>
      <c r="C48" s="88" t="s">
        <v>28</v>
      </c>
      <c r="D48" s="89"/>
      <c r="E48" s="90"/>
      <c r="F48" s="98">
        <v>762</v>
      </c>
      <c r="G48" s="126">
        <v>1965</v>
      </c>
      <c r="H48" s="98">
        <v>941</v>
      </c>
      <c r="I48" s="126">
        <v>1024</v>
      </c>
      <c r="J48" s="94">
        <v>408</v>
      </c>
      <c r="K48" s="94">
        <v>1326</v>
      </c>
      <c r="L48" s="94">
        <v>231</v>
      </c>
      <c r="M48" s="159">
        <v>1812</v>
      </c>
      <c r="N48" s="161">
        <v>1045</v>
      </c>
      <c r="O48" s="103">
        <v>0</v>
      </c>
      <c r="P48" s="97">
        <v>92.2</v>
      </c>
    </row>
    <row r="49" spans="1:16" s="11" customFormat="1" ht="15" customHeight="1">
      <c r="B49" s="87" t="s">
        <v>172</v>
      </c>
      <c r="C49" s="88" t="s">
        <v>26</v>
      </c>
      <c r="D49" s="89"/>
      <c r="E49" s="90"/>
      <c r="F49" s="98">
        <v>887</v>
      </c>
      <c r="G49" s="126">
        <v>2012</v>
      </c>
      <c r="H49" s="98">
        <v>941</v>
      </c>
      <c r="I49" s="126">
        <v>1071</v>
      </c>
      <c r="J49" s="98">
        <v>232</v>
      </c>
      <c r="K49" s="98">
        <v>1346</v>
      </c>
      <c r="L49" s="94">
        <v>433</v>
      </c>
      <c r="M49" s="159">
        <v>1221</v>
      </c>
      <c r="N49" s="161">
        <v>358</v>
      </c>
      <c r="O49" s="103">
        <v>0</v>
      </c>
      <c r="P49" s="97">
        <v>60.7</v>
      </c>
    </row>
    <row r="50" spans="1:16" ht="14.25" customHeight="1">
      <c r="A50" s="140"/>
      <c r="B50" s="136"/>
      <c r="C50" s="137" t="s">
        <v>27</v>
      </c>
      <c r="D50" s="162"/>
      <c r="E50" s="163"/>
      <c r="F50" s="156">
        <v>828</v>
      </c>
      <c r="G50" s="126">
        <v>1843</v>
      </c>
      <c r="H50" s="98">
        <v>851</v>
      </c>
      <c r="I50" s="156">
        <v>992</v>
      </c>
      <c r="J50" s="98">
        <v>236</v>
      </c>
      <c r="K50" s="98">
        <v>1146</v>
      </c>
      <c r="L50" s="94">
        <v>461</v>
      </c>
      <c r="M50" s="164">
        <v>1625</v>
      </c>
      <c r="N50" s="165">
        <v>778</v>
      </c>
      <c r="O50" s="103">
        <v>0</v>
      </c>
      <c r="P50" s="97">
        <v>88.2</v>
      </c>
    </row>
    <row r="51" spans="1:16" ht="14.25" customHeight="1">
      <c r="B51" s="87"/>
      <c r="C51" s="88" t="s">
        <v>28</v>
      </c>
      <c r="D51" s="166"/>
      <c r="E51" s="163"/>
      <c r="F51" s="98">
        <v>1130</v>
      </c>
      <c r="G51" s="126">
        <v>2409</v>
      </c>
      <c r="H51" s="98">
        <v>1209</v>
      </c>
      <c r="I51" s="156">
        <v>1200</v>
      </c>
      <c r="J51" s="98">
        <v>260</v>
      </c>
      <c r="K51" s="98">
        <v>1652</v>
      </c>
      <c r="L51" s="94">
        <v>495</v>
      </c>
      <c r="M51" s="164">
        <v>1224</v>
      </c>
      <c r="N51" s="165">
        <v>96</v>
      </c>
      <c r="O51" s="103">
        <v>0</v>
      </c>
      <c r="P51" s="97">
        <v>50.9</v>
      </c>
    </row>
    <row r="52" spans="1:16" ht="15" customHeight="1">
      <c r="B52" s="87" t="s">
        <v>173</v>
      </c>
      <c r="C52" s="88" t="s">
        <v>26</v>
      </c>
      <c r="D52" s="166"/>
      <c r="E52" s="163"/>
      <c r="F52" s="98">
        <v>667</v>
      </c>
      <c r="G52" s="126">
        <v>1556</v>
      </c>
      <c r="H52" s="98">
        <v>746</v>
      </c>
      <c r="I52" s="156">
        <v>810</v>
      </c>
      <c r="J52" s="98">
        <v>172</v>
      </c>
      <c r="K52" s="98">
        <v>962</v>
      </c>
      <c r="L52" s="94">
        <v>422</v>
      </c>
      <c r="M52" s="164">
        <v>1147</v>
      </c>
      <c r="N52" s="165">
        <v>390</v>
      </c>
      <c r="O52" s="103">
        <v>0</v>
      </c>
      <c r="P52" s="97">
        <v>73.7</v>
      </c>
    </row>
    <row r="53" spans="1:16" ht="15" customHeight="1">
      <c r="B53" s="87" t="s">
        <v>123</v>
      </c>
      <c r="C53" s="88" t="s">
        <v>27</v>
      </c>
      <c r="D53" s="166"/>
      <c r="E53" s="163"/>
      <c r="F53" s="98">
        <v>1908</v>
      </c>
      <c r="G53" s="126">
        <v>4668</v>
      </c>
      <c r="H53" s="98">
        <v>2214</v>
      </c>
      <c r="I53" s="156">
        <v>2454</v>
      </c>
      <c r="J53" s="98">
        <v>555</v>
      </c>
      <c r="K53" s="98">
        <v>3231</v>
      </c>
      <c r="L53" s="94">
        <v>882</v>
      </c>
      <c r="M53" s="164">
        <v>2983</v>
      </c>
      <c r="N53" s="165">
        <v>593</v>
      </c>
      <c r="O53" s="96">
        <v>330</v>
      </c>
      <c r="P53" s="97">
        <v>63.9</v>
      </c>
    </row>
    <row r="54" spans="1:16" ht="14.25" customHeight="1">
      <c r="B54" s="87"/>
      <c r="C54" s="88" t="s">
        <v>28</v>
      </c>
      <c r="D54" s="166"/>
      <c r="E54" s="163"/>
      <c r="F54" s="98">
        <v>500</v>
      </c>
      <c r="G54" s="126">
        <v>1338</v>
      </c>
      <c r="H54" s="98">
        <v>692</v>
      </c>
      <c r="I54" s="156">
        <v>646</v>
      </c>
      <c r="J54" s="98">
        <v>318</v>
      </c>
      <c r="K54" s="98">
        <v>863</v>
      </c>
      <c r="L54" s="94">
        <v>157</v>
      </c>
      <c r="M54" s="164">
        <v>1346</v>
      </c>
      <c r="N54" s="165">
        <v>93</v>
      </c>
      <c r="O54" s="96">
        <v>775</v>
      </c>
      <c r="P54" s="97">
        <v>100.6</v>
      </c>
    </row>
    <row r="55" spans="1:16" ht="13.5" customHeight="1">
      <c r="B55" s="87"/>
      <c r="C55" s="88" t="s">
        <v>29</v>
      </c>
      <c r="D55" s="166"/>
      <c r="E55" s="163"/>
      <c r="F55" s="98">
        <v>608</v>
      </c>
      <c r="G55" s="126">
        <v>1552</v>
      </c>
      <c r="H55" s="98">
        <v>732</v>
      </c>
      <c r="I55" s="156">
        <v>820</v>
      </c>
      <c r="J55" s="98">
        <v>201</v>
      </c>
      <c r="K55" s="98">
        <v>989</v>
      </c>
      <c r="L55" s="94">
        <v>362</v>
      </c>
      <c r="M55" s="164">
        <v>878</v>
      </c>
      <c r="N55" s="165">
        <v>247</v>
      </c>
      <c r="O55" s="103">
        <v>0</v>
      </c>
      <c r="P55" s="97">
        <v>56.6</v>
      </c>
    </row>
    <row r="56" spans="1:16" ht="13.5" customHeight="1">
      <c r="B56" s="136"/>
      <c r="C56" s="137" t="s">
        <v>30</v>
      </c>
      <c r="D56" s="166"/>
      <c r="E56" s="163"/>
      <c r="F56" s="98">
        <v>632</v>
      </c>
      <c r="G56" s="123">
        <v>1565</v>
      </c>
      <c r="H56" s="98">
        <v>735</v>
      </c>
      <c r="I56" s="156">
        <v>830</v>
      </c>
      <c r="J56" s="98">
        <v>225</v>
      </c>
      <c r="K56" s="98">
        <v>955</v>
      </c>
      <c r="L56" s="94">
        <v>372</v>
      </c>
      <c r="M56" s="164">
        <v>2212</v>
      </c>
      <c r="N56" s="165">
        <v>439</v>
      </c>
      <c r="O56" s="96">
        <v>1105</v>
      </c>
      <c r="P56" s="97">
        <v>142.5</v>
      </c>
    </row>
    <row r="57" spans="1:16" s="140" customFormat="1" ht="3" customHeight="1">
      <c r="A57" s="141"/>
      <c r="B57" s="167"/>
      <c r="C57" s="167"/>
      <c r="D57" s="168"/>
      <c r="E57" s="169"/>
      <c r="F57" s="170"/>
      <c r="G57" s="171"/>
      <c r="H57" s="170"/>
      <c r="I57" s="172"/>
      <c r="J57" s="170"/>
      <c r="K57" s="170"/>
      <c r="L57" s="171"/>
      <c r="M57" s="173"/>
      <c r="N57" s="174"/>
      <c r="O57" s="175"/>
      <c r="P57" s="176"/>
    </row>
    <row r="58" spans="1:16">
      <c r="F58" s="148"/>
      <c r="G58" s="148"/>
      <c r="H58" s="148"/>
      <c r="I58" s="148"/>
      <c r="J58" s="148"/>
      <c r="K58" s="148"/>
      <c r="L58" s="148"/>
      <c r="M58" s="149"/>
      <c r="N58" s="149"/>
      <c r="O58" s="149"/>
      <c r="P58" s="150"/>
    </row>
    <row r="59" spans="1:16">
      <c r="F59" s="148"/>
      <c r="G59" s="148"/>
      <c r="H59" s="148"/>
      <c r="I59" s="148"/>
      <c r="J59" s="148"/>
      <c r="K59" s="148"/>
      <c r="L59" s="148"/>
      <c r="M59" s="149"/>
      <c r="N59" s="149"/>
      <c r="O59" s="149"/>
      <c r="P59" s="150"/>
    </row>
    <row r="60" spans="1:16">
      <c r="F60" s="148"/>
      <c r="G60" s="148"/>
      <c r="H60" s="148"/>
      <c r="I60" s="148"/>
      <c r="J60" s="148"/>
      <c r="K60" s="148"/>
      <c r="L60" s="148"/>
      <c r="M60" s="149"/>
      <c r="N60" s="149"/>
      <c r="O60" s="149"/>
      <c r="P60" s="150"/>
    </row>
    <row r="61" spans="1:16">
      <c r="F61" s="148"/>
      <c r="G61" s="148"/>
      <c r="H61" s="148"/>
      <c r="I61" s="148"/>
      <c r="J61" s="148"/>
      <c r="K61" s="148"/>
      <c r="L61" s="148"/>
      <c r="M61" s="149"/>
      <c r="N61" s="149"/>
      <c r="O61" s="149"/>
      <c r="P61" s="150"/>
    </row>
    <row r="62" spans="1:16">
      <c r="F62" s="151"/>
      <c r="G62" s="151"/>
      <c r="H62" s="151"/>
      <c r="I62" s="151"/>
      <c r="J62" s="151"/>
      <c r="K62" s="151"/>
      <c r="L62" s="151"/>
      <c r="P62" s="46"/>
    </row>
    <row r="63" spans="1:16">
      <c r="F63" s="151"/>
      <c r="G63" s="151"/>
      <c r="H63" s="151"/>
      <c r="I63" s="151"/>
      <c r="J63" s="151"/>
      <c r="K63" s="151"/>
      <c r="L63" s="151"/>
      <c r="P63" s="46"/>
    </row>
    <row r="64" spans="1:16">
      <c r="F64" s="151"/>
      <c r="G64" s="151"/>
      <c r="H64" s="151"/>
      <c r="I64" s="151"/>
      <c r="J64" s="151"/>
      <c r="K64" s="151"/>
      <c r="L64" s="151"/>
      <c r="P64" s="46"/>
    </row>
    <row r="65" spans="6:16">
      <c r="F65" s="151"/>
      <c r="G65" s="151"/>
      <c r="H65" s="151"/>
      <c r="I65" s="151"/>
      <c r="J65" s="151"/>
      <c r="K65" s="151"/>
      <c r="L65" s="151"/>
      <c r="P65" s="46"/>
    </row>
    <row r="66" spans="6:16">
      <c r="F66" s="151"/>
      <c r="G66" s="151"/>
      <c r="H66" s="151"/>
      <c r="I66" s="151"/>
      <c r="J66" s="151"/>
      <c r="K66" s="151"/>
      <c r="L66" s="151"/>
      <c r="P66" s="46"/>
    </row>
  </sheetData>
  <mergeCells count="9">
    <mergeCell ref="B8:C8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6"/>
  <sheetViews>
    <sheetView zoomScaleNormal="100" zoomScaleSheetLayoutView="100" workbookViewId="0">
      <pane ySplit="8" topLeftCell="A9" activePane="bottomLeft" state="frozen"/>
      <selection pane="bottomLeft" sqref="A1:XFD2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16" s="9" customFormat="1" ht="12" customHeight="1">
      <c r="N2" s="10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174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1" customFormat="1" ht="3" customHeight="1" thickTop="1">
      <c r="A8" s="12"/>
      <c r="B8" s="68"/>
      <c r="C8" s="68"/>
      <c r="D8" s="177"/>
      <c r="E8" s="178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64" customFormat="1" ht="18" customHeight="1">
      <c r="B9" s="429" t="s">
        <v>92</v>
      </c>
      <c r="C9" s="432"/>
      <c r="D9" s="78"/>
      <c r="E9" s="232"/>
      <c r="F9" s="152">
        <v>29624</v>
      </c>
      <c r="G9" s="152">
        <v>60959</v>
      </c>
      <c r="H9" s="154">
        <v>28893</v>
      </c>
      <c r="I9" s="155">
        <v>32066</v>
      </c>
      <c r="J9" s="83">
        <v>6869</v>
      </c>
      <c r="K9" s="83">
        <v>41919</v>
      </c>
      <c r="L9" s="83">
        <v>11424</v>
      </c>
      <c r="M9" s="84">
        <v>86675</v>
      </c>
      <c r="N9" s="85">
        <v>55493</v>
      </c>
      <c r="O9" s="85">
        <v>6521</v>
      </c>
      <c r="P9" s="86">
        <v>143.9</v>
      </c>
    </row>
    <row r="10" spans="1:16" s="11" customFormat="1" ht="3.75" customHeight="1">
      <c r="B10" s="87"/>
      <c r="C10" s="88"/>
      <c r="D10" s="89"/>
      <c r="E10" s="90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17.25" customHeight="1">
      <c r="B11" s="87" t="s">
        <v>56</v>
      </c>
      <c r="C11" s="88" t="s">
        <v>26</v>
      </c>
      <c r="D11" s="89"/>
      <c r="E11" s="90"/>
      <c r="F11" s="98">
        <v>309</v>
      </c>
      <c r="G11" s="126">
        <v>532</v>
      </c>
      <c r="H11" s="98">
        <v>250</v>
      </c>
      <c r="I11" s="126">
        <v>282</v>
      </c>
      <c r="J11" s="94">
        <v>39</v>
      </c>
      <c r="K11" s="94">
        <v>388</v>
      </c>
      <c r="L11" s="94">
        <v>105</v>
      </c>
      <c r="M11" s="95">
        <v>2581</v>
      </c>
      <c r="N11" s="96">
        <v>2353</v>
      </c>
      <c r="O11" s="100">
        <v>0</v>
      </c>
      <c r="P11" s="97">
        <v>485.2</v>
      </c>
    </row>
    <row r="12" spans="1:16" s="11" customFormat="1" ht="17.25" customHeight="1">
      <c r="B12" s="87"/>
      <c r="C12" s="88" t="s">
        <v>27</v>
      </c>
      <c r="D12" s="89"/>
      <c r="E12" s="90"/>
      <c r="F12" s="98">
        <v>492</v>
      </c>
      <c r="G12" s="126">
        <v>763</v>
      </c>
      <c r="H12" s="98">
        <v>379</v>
      </c>
      <c r="I12" s="126">
        <v>384</v>
      </c>
      <c r="J12" s="94">
        <v>28</v>
      </c>
      <c r="K12" s="94">
        <v>511</v>
      </c>
      <c r="L12" s="94">
        <v>167</v>
      </c>
      <c r="M12" s="95">
        <v>2123</v>
      </c>
      <c r="N12" s="96">
        <v>1774</v>
      </c>
      <c r="O12" s="100">
        <v>0</v>
      </c>
      <c r="P12" s="97">
        <v>300.7</v>
      </c>
    </row>
    <row r="13" spans="1:16" s="11" customFormat="1" ht="17.25" customHeight="1">
      <c r="B13" s="87"/>
      <c r="C13" s="88" t="s">
        <v>28</v>
      </c>
      <c r="D13" s="89"/>
      <c r="E13" s="90"/>
      <c r="F13" s="98">
        <v>937</v>
      </c>
      <c r="G13" s="126">
        <v>1923</v>
      </c>
      <c r="H13" s="98">
        <v>858</v>
      </c>
      <c r="I13" s="126">
        <v>1065</v>
      </c>
      <c r="J13" s="94">
        <v>213</v>
      </c>
      <c r="K13" s="94">
        <v>1377</v>
      </c>
      <c r="L13" s="94">
        <v>329</v>
      </c>
      <c r="M13" s="95">
        <v>1915</v>
      </c>
      <c r="N13" s="96">
        <v>1144</v>
      </c>
      <c r="O13" s="100">
        <v>0</v>
      </c>
      <c r="P13" s="97">
        <v>99.8</v>
      </c>
    </row>
    <row r="14" spans="1:16" s="11" customFormat="1" ht="17.25" customHeight="1">
      <c r="B14" s="87"/>
      <c r="C14" s="88" t="s">
        <v>29</v>
      </c>
      <c r="D14" s="89"/>
      <c r="E14" s="90"/>
      <c r="F14" s="98">
        <v>701</v>
      </c>
      <c r="G14" s="126">
        <v>1487</v>
      </c>
      <c r="H14" s="98">
        <v>645</v>
      </c>
      <c r="I14" s="126">
        <v>842</v>
      </c>
      <c r="J14" s="94">
        <v>152</v>
      </c>
      <c r="K14" s="94">
        <v>1113</v>
      </c>
      <c r="L14" s="94">
        <v>216</v>
      </c>
      <c r="M14" s="95">
        <v>2456</v>
      </c>
      <c r="N14" s="96">
        <v>1531</v>
      </c>
      <c r="O14" s="96">
        <v>274</v>
      </c>
      <c r="P14" s="97">
        <v>165.8</v>
      </c>
    </row>
    <row r="15" spans="1:16" s="11" customFormat="1" ht="17.25" customHeight="1">
      <c r="B15" s="87"/>
      <c r="C15" s="88" t="s">
        <v>30</v>
      </c>
      <c r="D15" s="89"/>
      <c r="E15" s="90"/>
      <c r="F15" s="98">
        <v>538</v>
      </c>
      <c r="G15" s="126">
        <v>983</v>
      </c>
      <c r="H15" s="98">
        <v>442</v>
      </c>
      <c r="I15" s="126">
        <v>541</v>
      </c>
      <c r="J15" s="94">
        <v>85</v>
      </c>
      <c r="K15" s="94">
        <v>721</v>
      </c>
      <c r="L15" s="94">
        <v>175</v>
      </c>
      <c r="M15" s="95">
        <v>3793</v>
      </c>
      <c r="N15" s="96">
        <v>3374</v>
      </c>
      <c r="O15" s="100">
        <v>0</v>
      </c>
      <c r="P15" s="97">
        <v>386.6</v>
      </c>
    </row>
    <row r="16" spans="1:16" s="11" customFormat="1" ht="17.25" customHeight="1">
      <c r="B16" s="87"/>
      <c r="C16" s="88" t="s">
        <v>31</v>
      </c>
      <c r="D16" s="89"/>
      <c r="E16" s="90"/>
      <c r="F16" s="98">
        <v>1426</v>
      </c>
      <c r="G16" s="126">
        <v>2002</v>
      </c>
      <c r="H16" s="98">
        <v>956</v>
      </c>
      <c r="I16" s="126">
        <v>1046</v>
      </c>
      <c r="J16" s="94">
        <v>111</v>
      </c>
      <c r="K16" s="94">
        <v>1493</v>
      </c>
      <c r="L16" s="94">
        <v>188</v>
      </c>
      <c r="M16" s="95">
        <v>5851</v>
      </c>
      <c r="N16" s="96">
        <v>4266</v>
      </c>
      <c r="O16" s="96">
        <v>843</v>
      </c>
      <c r="P16" s="97">
        <v>326.5</v>
      </c>
    </row>
    <row r="17" spans="2:17" s="11" customFormat="1" ht="17.25" customHeight="1">
      <c r="B17" s="87"/>
      <c r="C17" s="88" t="s">
        <v>32</v>
      </c>
      <c r="D17" s="89"/>
      <c r="E17" s="90"/>
      <c r="F17" s="98">
        <v>863</v>
      </c>
      <c r="G17" s="126">
        <v>1205</v>
      </c>
      <c r="H17" s="98">
        <v>592</v>
      </c>
      <c r="I17" s="126">
        <v>613</v>
      </c>
      <c r="J17" s="94">
        <v>67</v>
      </c>
      <c r="K17" s="94">
        <v>909</v>
      </c>
      <c r="L17" s="94">
        <v>155</v>
      </c>
      <c r="M17" s="95">
        <v>5083</v>
      </c>
      <c r="N17" s="96">
        <v>3565</v>
      </c>
      <c r="O17" s="96">
        <v>1089</v>
      </c>
      <c r="P17" s="97">
        <v>449.4</v>
      </c>
    </row>
    <row r="18" spans="2:17" s="11" customFormat="1" ht="17.25" customHeight="1">
      <c r="B18" s="87"/>
      <c r="C18" s="88" t="s">
        <v>33</v>
      </c>
      <c r="D18" s="89"/>
      <c r="E18" s="90"/>
      <c r="F18" s="98">
        <v>738</v>
      </c>
      <c r="G18" s="126">
        <v>1421</v>
      </c>
      <c r="H18" s="98">
        <v>677</v>
      </c>
      <c r="I18" s="126">
        <v>744</v>
      </c>
      <c r="J18" s="94">
        <v>116</v>
      </c>
      <c r="K18" s="94">
        <v>907</v>
      </c>
      <c r="L18" s="94">
        <v>360</v>
      </c>
      <c r="M18" s="95">
        <v>1702</v>
      </c>
      <c r="N18" s="96">
        <v>1076</v>
      </c>
      <c r="O18" s="100">
        <v>0</v>
      </c>
      <c r="P18" s="97">
        <v>123.1</v>
      </c>
    </row>
    <row r="19" spans="2:17" s="11" customFormat="1" ht="17.25" customHeight="1">
      <c r="B19" s="87" t="s">
        <v>175</v>
      </c>
      <c r="C19" s="88" t="s">
        <v>26</v>
      </c>
      <c r="D19" s="89"/>
      <c r="E19" s="90"/>
      <c r="F19" s="98">
        <v>946</v>
      </c>
      <c r="G19" s="126">
        <v>2151</v>
      </c>
      <c r="H19" s="98">
        <v>996</v>
      </c>
      <c r="I19" s="126">
        <v>1155</v>
      </c>
      <c r="J19" s="94">
        <v>381</v>
      </c>
      <c r="K19" s="94">
        <v>1485</v>
      </c>
      <c r="L19" s="94">
        <v>277</v>
      </c>
      <c r="M19" s="95">
        <v>1679</v>
      </c>
      <c r="N19" s="96">
        <v>427</v>
      </c>
      <c r="O19" s="96">
        <v>336</v>
      </c>
      <c r="P19" s="97">
        <v>78.3</v>
      </c>
    </row>
    <row r="20" spans="2:17" s="11" customFormat="1" ht="17.25" customHeight="1">
      <c r="B20" s="87"/>
      <c r="C20" s="88" t="s">
        <v>27</v>
      </c>
      <c r="D20" s="89"/>
      <c r="E20" s="90"/>
      <c r="F20" s="98">
        <v>1049</v>
      </c>
      <c r="G20" s="126">
        <v>2458</v>
      </c>
      <c r="H20" s="98">
        <v>1077</v>
      </c>
      <c r="I20" s="126">
        <v>1381</v>
      </c>
      <c r="J20" s="94">
        <v>237</v>
      </c>
      <c r="K20" s="94">
        <v>1792</v>
      </c>
      <c r="L20" s="94">
        <v>429</v>
      </c>
      <c r="M20" s="95">
        <v>1592</v>
      </c>
      <c r="N20" s="96">
        <v>435</v>
      </c>
      <c r="O20" s="96">
        <v>299</v>
      </c>
      <c r="P20" s="97">
        <v>64.8</v>
      </c>
    </row>
    <row r="21" spans="2:17" s="11" customFormat="1" ht="17.25" customHeight="1">
      <c r="B21" s="87"/>
      <c r="C21" s="88" t="s">
        <v>28</v>
      </c>
      <c r="D21" s="89"/>
      <c r="E21" s="90"/>
      <c r="F21" s="98">
        <v>265</v>
      </c>
      <c r="G21" s="126">
        <v>667</v>
      </c>
      <c r="H21" s="98">
        <v>322</v>
      </c>
      <c r="I21" s="126">
        <v>345</v>
      </c>
      <c r="J21" s="94">
        <v>99</v>
      </c>
      <c r="K21" s="94">
        <v>394</v>
      </c>
      <c r="L21" s="94">
        <v>174</v>
      </c>
      <c r="M21" s="95">
        <v>1068</v>
      </c>
      <c r="N21" s="96">
        <v>785</v>
      </c>
      <c r="O21" s="100">
        <v>0</v>
      </c>
      <c r="P21" s="97">
        <v>160.1</v>
      </c>
    </row>
    <row r="22" spans="2:17" s="11" customFormat="1" ht="17.25" customHeight="1">
      <c r="B22" s="87"/>
      <c r="C22" s="88" t="s">
        <v>29</v>
      </c>
      <c r="D22" s="89"/>
      <c r="E22" s="90"/>
      <c r="F22" s="98">
        <v>657</v>
      </c>
      <c r="G22" s="123">
        <v>1236</v>
      </c>
      <c r="H22" s="98">
        <v>591</v>
      </c>
      <c r="I22" s="123">
        <v>645</v>
      </c>
      <c r="J22" s="94">
        <v>118</v>
      </c>
      <c r="K22" s="94">
        <v>867</v>
      </c>
      <c r="L22" s="94">
        <v>247</v>
      </c>
      <c r="M22" s="95">
        <v>1026</v>
      </c>
      <c r="N22" s="96">
        <v>523</v>
      </c>
      <c r="O22" s="100">
        <v>0</v>
      </c>
      <c r="P22" s="97">
        <v>83.3</v>
      </c>
      <c r="Q22" s="12"/>
    </row>
    <row r="23" spans="2:17" s="11" customFormat="1" ht="17.25" customHeight="1">
      <c r="B23" s="87" t="s">
        <v>176</v>
      </c>
      <c r="C23" s="88" t="s">
        <v>26</v>
      </c>
      <c r="D23" s="89"/>
      <c r="E23" s="90"/>
      <c r="F23" s="101" t="s">
        <v>96</v>
      </c>
      <c r="G23" s="101" t="s">
        <v>96</v>
      </c>
      <c r="H23" s="101" t="s">
        <v>96</v>
      </c>
      <c r="I23" s="101" t="s">
        <v>96</v>
      </c>
      <c r="J23" s="101" t="s">
        <v>96</v>
      </c>
      <c r="K23" s="101" t="s">
        <v>96</v>
      </c>
      <c r="L23" s="101" t="s">
        <v>96</v>
      </c>
      <c r="M23" s="95">
        <v>6346</v>
      </c>
      <c r="N23" s="96">
        <v>6346</v>
      </c>
      <c r="O23" s="100">
        <v>0</v>
      </c>
      <c r="P23" s="104" t="s">
        <v>99</v>
      </c>
      <c r="Q23" s="12"/>
    </row>
    <row r="24" spans="2:17" s="11" customFormat="1" ht="17.25" customHeight="1">
      <c r="B24" s="87"/>
      <c r="C24" s="88" t="s">
        <v>27</v>
      </c>
      <c r="D24" s="89"/>
      <c r="E24" s="90"/>
      <c r="F24" s="98">
        <v>826</v>
      </c>
      <c r="G24" s="126">
        <v>1979</v>
      </c>
      <c r="H24" s="98">
        <v>932</v>
      </c>
      <c r="I24" s="126">
        <v>1047</v>
      </c>
      <c r="J24" s="94">
        <v>220</v>
      </c>
      <c r="K24" s="94">
        <v>1262</v>
      </c>
      <c r="L24" s="94">
        <v>497</v>
      </c>
      <c r="M24" s="95">
        <v>1534</v>
      </c>
      <c r="N24" s="96">
        <v>725</v>
      </c>
      <c r="O24" s="100">
        <v>0</v>
      </c>
      <c r="P24" s="97">
        <v>77.5</v>
      </c>
    </row>
    <row r="25" spans="2:17" s="11" customFormat="1" ht="17.25" customHeight="1">
      <c r="B25" s="87"/>
      <c r="C25" s="88" t="s">
        <v>28</v>
      </c>
      <c r="D25" s="89"/>
      <c r="E25" s="90"/>
      <c r="F25" s="98">
        <v>547</v>
      </c>
      <c r="G25" s="126">
        <v>1045</v>
      </c>
      <c r="H25" s="98">
        <v>500</v>
      </c>
      <c r="I25" s="126">
        <v>545</v>
      </c>
      <c r="J25" s="94">
        <v>77</v>
      </c>
      <c r="K25" s="94">
        <v>685</v>
      </c>
      <c r="L25" s="94">
        <v>283</v>
      </c>
      <c r="M25" s="95">
        <v>1022</v>
      </c>
      <c r="N25" s="96">
        <v>619</v>
      </c>
      <c r="O25" s="100">
        <v>0</v>
      </c>
      <c r="P25" s="97">
        <v>97.8</v>
      </c>
    </row>
    <row r="26" spans="2:17" s="11" customFormat="1" ht="17.25" customHeight="1">
      <c r="B26" s="87"/>
      <c r="C26" s="88" t="s">
        <v>29</v>
      </c>
      <c r="D26" s="89"/>
      <c r="E26" s="90"/>
      <c r="F26" s="98">
        <v>161</v>
      </c>
      <c r="G26" s="126">
        <v>388</v>
      </c>
      <c r="H26" s="98">
        <v>182</v>
      </c>
      <c r="I26" s="126">
        <v>206</v>
      </c>
      <c r="J26" s="94">
        <v>41</v>
      </c>
      <c r="K26" s="94">
        <v>270</v>
      </c>
      <c r="L26" s="94">
        <v>77</v>
      </c>
      <c r="M26" s="95">
        <v>1073</v>
      </c>
      <c r="N26" s="96">
        <v>913</v>
      </c>
      <c r="O26" s="100">
        <v>0</v>
      </c>
      <c r="P26" s="97">
        <v>276.5</v>
      </c>
    </row>
    <row r="27" spans="2:17" s="11" customFormat="1" ht="17.25" customHeight="1">
      <c r="B27" s="87"/>
      <c r="C27" s="88" t="s">
        <v>30</v>
      </c>
      <c r="D27" s="89"/>
      <c r="E27" s="90"/>
      <c r="F27" s="98">
        <v>800</v>
      </c>
      <c r="G27" s="126">
        <v>1908</v>
      </c>
      <c r="H27" s="98">
        <v>946</v>
      </c>
      <c r="I27" s="126">
        <v>962</v>
      </c>
      <c r="J27" s="94">
        <v>195</v>
      </c>
      <c r="K27" s="94">
        <v>1150</v>
      </c>
      <c r="L27" s="94">
        <v>563</v>
      </c>
      <c r="M27" s="95">
        <v>1539</v>
      </c>
      <c r="N27" s="96">
        <v>509</v>
      </c>
      <c r="O27" s="96">
        <v>201</v>
      </c>
      <c r="P27" s="97">
        <v>80.7</v>
      </c>
    </row>
    <row r="28" spans="2:17" s="11" customFormat="1" ht="17.25" customHeight="1">
      <c r="B28" s="87"/>
      <c r="C28" s="88" t="s">
        <v>31</v>
      </c>
      <c r="D28" s="89"/>
      <c r="E28" s="90"/>
      <c r="F28" s="98">
        <v>238</v>
      </c>
      <c r="G28" s="126">
        <v>638</v>
      </c>
      <c r="H28" s="98">
        <v>313</v>
      </c>
      <c r="I28" s="126">
        <v>325</v>
      </c>
      <c r="J28" s="94">
        <v>111</v>
      </c>
      <c r="K28" s="94">
        <v>450</v>
      </c>
      <c r="L28" s="94">
        <v>77</v>
      </c>
      <c r="M28" s="95">
        <v>812</v>
      </c>
      <c r="N28" s="96">
        <v>557</v>
      </c>
      <c r="O28" s="100">
        <v>0</v>
      </c>
      <c r="P28" s="109">
        <v>127.3</v>
      </c>
    </row>
    <row r="29" spans="2:17" s="11" customFormat="1" ht="17.25" customHeight="1">
      <c r="B29" s="87" t="s">
        <v>177</v>
      </c>
      <c r="C29" s="88" t="s">
        <v>26</v>
      </c>
      <c r="D29" s="89"/>
      <c r="E29" s="90"/>
      <c r="F29" s="98">
        <v>1026</v>
      </c>
      <c r="G29" s="126">
        <v>1973</v>
      </c>
      <c r="H29" s="98">
        <v>982</v>
      </c>
      <c r="I29" s="126">
        <v>991</v>
      </c>
      <c r="J29" s="94">
        <v>226</v>
      </c>
      <c r="K29" s="94">
        <v>1397</v>
      </c>
      <c r="L29" s="94">
        <v>349</v>
      </c>
      <c r="M29" s="95">
        <v>1981</v>
      </c>
      <c r="N29" s="96">
        <v>1031</v>
      </c>
      <c r="O29" s="96">
        <v>154</v>
      </c>
      <c r="P29" s="97">
        <v>100.5</v>
      </c>
    </row>
    <row r="30" spans="2:17" s="11" customFormat="1" ht="17.25" customHeight="1">
      <c r="B30" s="87"/>
      <c r="C30" s="88" t="s">
        <v>27</v>
      </c>
      <c r="D30" s="89"/>
      <c r="E30" s="90"/>
      <c r="F30" s="98">
        <v>610</v>
      </c>
      <c r="G30" s="126">
        <v>1119</v>
      </c>
      <c r="H30" s="98">
        <v>540</v>
      </c>
      <c r="I30" s="126">
        <v>579</v>
      </c>
      <c r="J30" s="94">
        <v>96</v>
      </c>
      <c r="K30" s="94">
        <v>758</v>
      </c>
      <c r="L30" s="94">
        <v>265</v>
      </c>
      <c r="M30" s="95">
        <v>1679</v>
      </c>
      <c r="N30" s="96">
        <v>1273</v>
      </c>
      <c r="O30" s="100">
        <v>0</v>
      </c>
      <c r="P30" s="97">
        <v>150</v>
      </c>
    </row>
    <row r="31" spans="2:17" s="11" customFormat="1" ht="17.25" customHeight="1">
      <c r="B31" s="87"/>
      <c r="C31" s="88" t="s">
        <v>28</v>
      </c>
      <c r="D31" s="89"/>
      <c r="E31" s="90"/>
      <c r="F31" s="98">
        <v>1279</v>
      </c>
      <c r="G31" s="126">
        <v>2460</v>
      </c>
      <c r="H31" s="98">
        <v>1167</v>
      </c>
      <c r="I31" s="126">
        <v>1293</v>
      </c>
      <c r="J31" s="94">
        <v>235</v>
      </c>
      <c r="K31" s="94">
        <v>1649</v>
      </c>
      <c r="L31" s="94">
        <v>564</v>
      </c>
      <c r="M31" s="95">
        <v>3051</v>
      </c>
      <c r="N31" s="96">
        <v>1566</v>
      </c>
      <c r="O31" s="96">
        <v>409</v>
      </c>
      <c r="P31" s="97">
        <v>124.6</v>
      </c>
    </row>
    <row r="32" spans="2:17" s="11" customFormat="1" ht="17.25" customHeight="1">
      <c r="B32" s="87"/>
      <c r="C32" s="88" t="s">
        <v>29</v>
      </c>
      <c r="D32" s="89"/>
      <c r="E32" s="90"/>
      <c r="F32" s="98">
        <v>1322</v>
      </c>
      <c r="G32" s="126">
        <v>2681</v>
      </c>
      <c r="H32" s="98">
        <v>1249</v>
      </c>
      <c r="I32" s="126">
        <v>1432</v>
      </c>
      <c r="J32" s="94">
        <v>357</v>
      </c>
      <c r="K32" s="94">
        <v>1828</v>
      </c>
      <c r="L32" s="94">
        <v>483</v>
      </c>
      <c r="M32" s="95">
        <v>2856</v>
      </c>
      <c r="N32" s="96">
        <v>1548</v>
      </c>
      <c r="O32" s="96">
        <v>246</v>
      </c>
      <c r="P32" s="97">
        <v>107</v>
      </c>
    </row>
    <row r="33" spans="2:16" s="11" customFormat="1" ht="17.25" customHeight="1">
      <c r="B33" s="87"/>
      <c r="C33" s="88" t="s">
        <v>30</v>
      </c>
      <c r="D33" s="89"/>
      <c r="E33" s="90"/>
      <c r="F33" s="98">
        <v>744</v>
      </c>
      <c r="G33" s="126">
        <v>1698</v>
      </c>
      <c r="H33" s="98">
        <v>815</v>
      </c>
      <c r="I33" s="126">
        <v>883</v>
      </c>
      <c r="J33" s="94">
        <v>247</v>
      </c>
      <c r="K33" s="94">
        <v>1171</v>
      </c>
      <c r="L33" s="94">
        <v>271</v>
      </c>
      <c r="M33" s="95">
        <v>1736</v>
      </c>
      <c r="N33" s="96">
        <v>665</v>
      </c>
      <c r="O33" s="96">
        <v>310</v>
      </c>
      <c r="P33" s="97">
        <v>102.8</v>
      </c>
    </row>
    <row r="34" spans="2:16" s="11" customFormat="1" ht="17.25" customHeight="1">
      <c r="B34" s="87" t="s">
        <v>178</v>
      </c>
      <c r="C34" s="88" t="s">
        <v>26</v>
      </c>
      <c r="D34" s="89"/>
      <c r="E34" s="90"/>
      <c r="F34" s="98">
        <v>772</v>
      </c>
      <c r="G34" s="126">
        <v>1694</v>
      </c>
      <c r="H34" s="98">
        <v>785</v>
      </c>
      <c r="I34" s="126">
        <v>909</v>
      </c>
      <c r="J34" s="94">
        <v>174</v>
      </c>
      <c r="K34" s="94">
        <v>1109</v>
      </c>
      <c r="L34" s="94">
        <v>410</v>
      </c>
      <c r="M34" s="95">
        <v>1635</v>
      </c>
      <c r="N34" s="96">
        <v>947</v>
      </c>
      <c r="O34" s="100">
        <v>0</v>
      </c>
      <c r="P34" s="97">
        <v>96.6</v>
      </c>
    </row>
    <row r="35" spans="2:16" s="11" customFormat="1" ht="17.25" customHeight="1">
      <c r="B35" s="87"/>
      <c r="C35" s="88" t="s">
        <v>27</v>
      </c>
      <c r="D35" s="89"/>
      <c r="E35" s="90"/>
      <c r="F35" s="98">
        <v>948</v>
      </c>
      <c r="G35" s="126">
        <v>2010</v>
      </c>
      <c r="H35" s="98">
        <v>991</v>
      </c>
      <c r="I35" s="126">
        <v>1019</v>
      </c>
      <c r="J35" s="94">
        <v>294</v>
      </c>
      <c r="K35" s="94">
        <v>1276</v>
      </c>
      <c r="L35" s="94">
        <v>421</v>
      </c>
      <c r="M35" s="95">
        <v>3008</v>
      </c>
      <c r="N35" s="96">
        <v>954</v>
      </c>
      <c r="O35" s="96">
        <v>1270</v>
      </c>
      <c r="P35" s="97">
        <v>151.1</v>
      </c>
    </row>
    <row r="36" spans="2:16" s="11" customFormat="1" ht="17.25" customHeight="1">
      <c r="B36" s="87"/>
      <c r="C36" s="88" t="s">
        <v>28</v>
      </c>
      <c r="D36" s="89"/>
      <c r="E36" s="90"/>
      <c r="F36" s="98">
        <v>1016</v>
      </c>
      <c r="G36" s="126">
        <v>2450</v>
      </c>
      <c r="H36" s="98">
        <v>1186</v>
      </c>
      <c r="I36" s="126">
        <v>1264</v>
      </c>
      <c r="J36" s="94">
        <v>331</v>
      </c>
      <c r="K36" s="94">
        <v>1753</v>
      </c>
      <c r="L36" s="94">
        <v>365</v>
      </c>
      <c r="M36" s="95">
        <v>1771</v>
      </c>
      <c r="N36" s="96">
        <v>850</v>
      </c>
      <c r="O36" s="100">
        <v>0</v>
      </c>
      <c r="P36" s="97">
        <v>72.3</v>
      </c>
    </row>
    <row r="37" spans="2:16" s="11" customFormat="1" ht="17.25" customHeight="1">
      <c r="B37" s="87"/>
      <c r="C37" s="88" t="s">
        <v>29</v>
      </c>
      <c r="D37" s="89"/>
      <c r="E37" s="90"/>
      <c r="F37" s="98">
        <v>889</v>
      </c>
      <c r="G37" s="126">
        <v>1866</v>
      </c>
      <c r="H37" s="98">
        <v>948</v>
      </c>
      <c r="I37" s="126">
        <v>918</v>
      </c>
      <c r="J37" s="94">
        <v>300</v>
      </c>
      <c r="K37" s="94">
        <v>1367</v>
      </c>
      <c r="L37" s="94">
        <v>199</v>
      </c>
      <c r="M37" s="95">
        <v>1653</v>
      </c>
      <c r="N37" s="96">
        <v>941</v>
      </c>
      <c r="O37" s="100">
        <v>0</v>
      </c>
      <c r="P37" s="109">
        <v>88.6</v>
      </c>
    </row>
    <row r="38" spans="2:16" s="11" customFormat="1" ht="17.25" customHeight="1">
      <c r="B38" s="87" t="s">
        <v>179</v>
      </c>
      <c r="C38" s="88" t="s">
        <v>26</v>
      </c>
      <c r="D38" s="89"/>
      <c r="E38" s="90"/>
      <c r="F38" s="98">
        <v>681</v>
      </c>
      <c r="G38" s="126">
        <v>1471</v>
      </c>
      <c r="H38" s="98">
        <v>684</v>
      </c>
      <c r="I38" s="126">
        <v>787</v>
      </c>
      <c r="J38" s="94">
        <v>167</v>
      </c>
      <c r="K38" s="94">
        <v>989</v>
      </c>
      <c r="L38" s="94">
        <v>295</v>
      </c>
      <c r="M38" s="95">
        <v>1666</v>
      </c>
      <c r="N38" s="96">
        <v>1057</v>
      </c>
      <c r="O38" s="100">
        <v>0</v>
      </c>
      <c r="P38" s="97">
        <v>114.8</v>
      </c>
    </row>
    <row r="39" spans="2:16" s="11" customFormat="1" ht="17.25" customHeight="1">
      <c r="B39" s="87"/>
      <c r="C39" s="88" t="s">
        <v>27</v>
      </c>
      <c r="D39" s="89"/>
      <c r="E39" s="90"/>
      <c r="F39" s="98">
        <v>841</v>
      </c>
      <c r="G39" s="126">
        <v>1756</v>
      </c>
      <c r="H39" s="98">
        <v>829</v>
      </c>
      <c r="I39" s="126">
        <v>927</v>
      </c>
      <c r="J39" s="94">
        <v>240</v>
      </c>
      <c r="K39" s="94">
        <v>1211</v>
      </c>
      <c r="L39" s="94">
        <v>298</v>
      </c>
      <c r="M39" s="95">
        <v>1494</v>
      </c>
      <c r="N39" s="96">
        <v>834</v>
      </c>
      <c r="O39" s="100">
        <v>0</v>
      </c>
      <c r="P39" s="97">
        <v>85.4</v>
      </c>
    </row>
    <row r="40" spans="2:16" s="11" customFormat="1" ht="17.25" customHeight="1">
      <c r="B40" s="87"/>
      <c r="C40" s="88" t="s">
        <v>28</v>
      </c>
      <c r="D40" s="89"/>
      <c r="E40" s="90"/>
      <c r="F40" s="98">
        <v>1309</v>
      </c>
      <c r="G40" s="126">
        <v>3036</v>
      </c>
      <c r="H40" s="98">
        <v>1398</v>
      </c>
      <c r="I40" s="126">
        <v>1638</v>
      </c>
      <c r="J40" s="94">
        <v>411</v>
      </c>
      <c r="K40" s="94">
        <v>2080</v>
      </c>
      <c r="L40" s="94">
        <v>537</v>
      </c>
      <c r="M40" s="95">
        <v>2203</v>
      </c>
      <c r="N40" s="96">
        <v>936</v>
      </c>
      <c r="O40" s="100">
        <v>0</v>
      </c>
      <c r="P40" s="97">
        <v>72.8</v>
      </c>
    </row>
    <row r="41" spans="2:16" s="11" customFormat="1" ht="17.25" customHeight="1">
      <c r="B41" s="87"/>
      <c r="C41" s="88" t="s">
        <v>29</v>
      </c>
      <c r="D41" s="89"/>
      <c r="E41" s="90"/>
      <c r="F41" s="98">
        <v>440</v>
      </c>
      <c r="G41" s="126">
        <v>897</v>
      </c>
      <c r="H41" s="98">
        <v>416</v>
      </c>
      <c r="I41" s="126">
        <v>481</v>
      </c>
      <c r="J41" s="94">
        <v>82</v>
      </c>
      <c r="K41" s="94">
        <v>631</v>
      </c>
      <c r="L41" s="94">
        <v>184</v>
      </c>
      <c r="M41" s="95">
        <v>793</v>
      </c>
      <c r="N41" s="96">
        <v>450</v>
      </c>
      <c r="O41" s="100">
        <v>0</v>
      </c>
      <c r="P41" s="97">
        <v>88.4</v>
      </c>
    </row>
    <row r="42" spans="2:16" s="11" customFormat="1" ht="17.25" customHeight="1">
      <c r="B42" s="87"/>
      <c r="C42" s="88" t="s">
        <v>30</v>
      </c>
      <c r="D42" s="89"/>
      <c r="E42" s="90"/>
      <c r="F42" s="98">
        <v>696</v>
      </c>
      <c r="G42" s="126">
        <v>1693</v>
      </c>
      <c r="H42" s="98">
        <v>817</v>
      </c>
      <c r="I42" s="126">
        <v>876</v>
      </c>
      <c r="J42" s="94">
        <v>274</v>
      </c>
      <c r="K42" s="94">
        <v>1254</v>
      </c>
      <c r="L42" s="94">
        <v>165</v>
      </c>
      <c r="M42" s="95">
        <v>2621</v>
      </c>
      <c r="N42" s="96">
        <v>1550</v>
      </c>
      <c r="O42" s="96">
        <v>433</v>
      </c>
      <c r="P42" s="97">
        <v>154.80000000000001</v>
      </c>
    </row>
    <row r="43" spans="2:16" s="11" customFormat="1" ht="17.25" customHeight="1">
      <c r="B43" s="87"/>
      <c r="C43" s="88" t="s">
        <v>31</v>
      </c>
      <c r="D43" s="89"/>
      <c r="E43" s="90"/>
      <c r="F43" s="98">
        <v>480</v>
      </c>
      <c r="G43" s="126">
        <v>749</v>
      </c>
      <c r="H43" s="98">
        <v>384</v>
      </c>
      <c r="I43" s="126">
        <v>365</v>
      </c>
      <c r="J43" s="94">
        <v>62</v>
      </c>
      <c r="K43" s="94">
        <v>599</v>
      </c>
      <c r="L43" s="94">
        <v>88</v>
      </c>
      <c r="M43" s="95">
        <v>652</v>
      </c>
      <c r="N43" s="96">
        <v>48</v>
      </c>
      <c r="O43" s="103">
        <v>307</v>
      </c>
      <c r="P43" s="109">
        <v>87</v>
      </c>
    </row>
    <row r="44" spans="2:16" s="11" customFormat="1" ht="17.25" customHeight="1">
      <c r="B44" s="87" t="s">
        <v>180</v>
      </c>
      <c r="C44" s="88" t="s">
        <v>26</v>
      </c>
      <c r="D44" s="89"/>
      <c r="E44" s="90"/>
      <c r="F44" s="98">
        <v>791</v>
      </c>
      <c r="G44" s="126">
        <v>1915</v>
      </c>
      <c r="H44" s="98">
        <v>923</v>
      </c>
      <c r="I44" s="126">
        <v>992</v>
      </c>
      <c r="J44" s="94">
        <v>271</v>
      </c>
      <c r="K44" s="94">
        <v>1404</v>
      </c>
      <c r="L44" s="94">
        <v>235</v>
      </c>
      <c r="M44" s="95">
        <v>5620</v>
      </c>
      <c r="N44" s="96">
        <v>4737</v>
      </c>
      <c r="O44" s="96">
        <v>194</v>
      </c>
      <c r="P44" s="97">
        <v>294.2</v>
      </c>
    </row>
    <row r="45" spans="2:16" s="11" customFormat="1" ht="17.25" customHeight="1">
      <c r="B45" s="87"/>
      <c r="C45" s="88" t="s">
        <v>27</v>
      </c>
      <c r="D45" s="89"/>
      <c r="E45" s="90"/>
      <c r="F45" s="98">
        <v>976</v>
      </c>
      <c r="G45" s="126">
        <v>1981</v>
      </c>
      <c r="H45" s="98">
        <v>935</v>
      </c>
      <c r="I45" s="126">
        <v>1046</v>
      </c>
      <c r="J45" s="94">
        <v>197</v>
      </c>
      <c r="K45" s="94">
        <v>1374</v>
      </c>
      <c r="L45" s="94">
        <v>399</v>
      </c>
      <c r="M45" s="95">
        <v>1689</v>
      </c>
      <c r="N45" s="96">
        <v>618</v>
      </c>
      <c r="O45" s="100">
        <v>0</v>
      </c>
      <c r="P45" s="97">
        <v>85.7</v>
      </c>
    </row>
    <row r="46" spans="2:16" s="11" customFormat="1" ht="17.25" customHeight="1">
      <c r="B46" s="87"/>
      <c r="C46" s="88" t="s">
        <v>28</v>
      </c>
      <c r="D46" s="89"/>
      <c r="E46" s="90"/>
      <c r="F46" s="98">
        <v>644</v>
      </c>
      <c r="G46" s="126">
        <v>1421</v>
      </c>
      <c r="H46" s="98">
        <v>698</v>
      </c>
      <c r="I46" s="126">
        <v>723</v>
      </c>
      <c r="J46" s="94">
        <v>139</v>
      </c>
      <c r="K46" s="94">
        <v>940</v>
      </c>
      <c r="L46" s="94">
        <v>329</v>
      </c>
      <c r="M46" s="95">
        <v>2053</v>
      </c>
      <c r="N46" s="96">
        <v>1482</v>
      </c>
      <c r="O46" s="100">
        <v>0</v>
      </c>
      <c r="P46" s="97">
        <v>145.80000000000001</v>
      </c>
    </row>
    <row r="47" spans="2:16" s="11" customFormat="1" ht="15.75" customHeight="1">
      <c r="B47" s="87"/>
      <c r="C47" s="88" t="s">
        <v>29</v>
      </c>
      <c r="D47" s="89"/>
      <c r="E47" s="90"/>
      <c r="F47" s="98">
        <v>369</v>
      </c>
      <c r="G47" s="126">
        <v>868</v>
      </c>
      <c r="H47" s="98">
        <v>414</v>
      </c>
      <c r="I47" s="126">
        <v>454</v>
      </c>
      <c r="J47" s="94">
        <v>79</v>
      </c>
      <c r="K47" s="94">
        <v>533</v>
      </c>
      <c r="L47" s="94">
        <v>256</v>
      </c>
      <c r="M47" s="95">
        <v>512</v>
      </c>
      <c r="N47" s="96">
        <v>113</v>
      </c>
      <c r="O47" s="100">
        <v>0</v>
      </c>
      <c r="P47" s="97">
        <v>59</v>
      </c>
    </row>
    <row r="48" spans="2:16" s="11" customFormat="1" ht="15.75" customHeight="1">
      <c r="B48" s="87"/>
      <c r="C48" s="88" t="s">
        <v>30</v>
      </c>
      <c r="D48" s="89"/>
      <c r="E48" s="90"/>
      <c r="F48" s="98">
        <v>349</v>
      </c>
      <c r="G48" s="126">
        <v>531</v>
      </c>
      <c r="H48" s="98">
        <v>231</v>
      </c>
      <c r="I48" s="126">
        <v>300</v>
      </c>
      <c r="J48" s="94">
        <v>29</v>
      </c>
      <c r="K48" s="94">
        <v>334</v>
      </c>
      <c r="L48" s="94">
        <v>74</v>
      </c>
      <c r="M48" s="95">
        <v>1191</v>
      </c>
      <c r="N48" s="96">
        <v>1035</v>
      </c>
      <c r="O48" s="100">
        <v>0</v>
      </c>
      <c r="P48" s="97">
        <v>272.5</v>
      </c>
    </row>
    <row r="49" spans="1:16" s="11" customFormat="1" ht="15.75" customHeight="1">
      <c r="B49" s="87"/>
      <c r="C49" s="88" t="s">
        <v>31</v>
      </c>
      <c r="D49" s="89"/>
      <c r="E49" s="90"/>
      <c r="F49" s="98">
        <v>170</v>
      </c>
      <c r="G49" s="126">
        <v>397</v>
      </c>
      <c r="H49" s="98">
        <v>189</v>
      </c>
      <c r="I49" s="126">
        <v>208</v>
      </c>
      <c r="J49" s="94">
        <v>61</v>
      </c>
      <c r="K49" s="94">
        <v>232</v>
      </c>
      <c r="L49" s="94">
        <v>98</v>
      </c>
      <c r="M49" s="95">
        <v>483</v>
      </c>
      <c r="N49" s="96">
        <v>341</v>
      </c>
      <c r="O49" s="100">
        <v>0</v>
      </c>
      <c r="P49" s="97">
        <v>123.5</v>
      </c>
    </row>
    <row r="50" spans="1:16" s="11" customFormat="1" ht="15" customHeight="1">
      <c r="B50" s="87"/>
      <c r="C50" s="88" t="s">
        <v>32</v>
      </c>
      <c r="D50" s="89"/>
      <c r="E50" s="90"/>
      <c r="F50" s="98">
        <v>1166</v>
      </c>
      <c r="G50" s="126">
        <v>2216</v>
      </c>
      <c r="H50" s="98">
        <v>1032</v>
      </c>
      <c r="I50" s="98">
        <v>1184</v>
      </c>
      <c r="J50" s="123">
        <v>192</v>
      </c>
      <c r="K50" s="94">
        <v>1398</v>
      </c>
      <c r="L50" s="94">
        <v>529</v>
      </c>
      <c r="M50" s="95">
        <v>1752</v>
      </c>
      <c r="N50" s="134">
        <v>887</v>
      </c>
      <c r="O50" s="100">
        <v>0</v>
      </c>
      <c r="P50" s="97">
        <v>82.7</v>
      </c>
    </row>
    <row r="51" spans="1:16" s="11" customFormat="1" ht="15.75" customHeight="1">
      <c r="B51" s="136"/>
      <c r="C51" s="137" t="s">
        <v>33</v>
      </c>
      <c r="D51" s="233"/>
      <c r="E51" s="234"/>
      <c r="F51" s="98">
        <v>613</v>
      </c>
      <c r="G51" s="123">
        <v>1291</v>
      </c>
      <c r="H51" s="98">
        <v>622</v>
      </c>
      <c r="I51" s="98">
        <v>669</v>
      </c>
      <c r="J51" s="123">
        <v>115</v>
      </c>
      <c r="K51" s="94">
        <v>858</v>
      </c>
      <c r="L51" s="94">
        <v>291</v>
      </c>
      <c r="M51" s="95">
        <v>1381</v>
      </c>
      <c r="N51" s="134">
        <v>708</v>
      </c>
      <c r="O51" s="96">
        <v>156</v>
      </c>
      <c r="P51" s="97">
        <v>109.3</v>
      </c>
    </row>
    <row r="52" spans="1:16" s="140" customFormat="1" ht="3.75" customHeight="1">
      <c r="A52" s="141"/>
      <c r="B52" s="167"/>
      <c r="C52" s="167"/>
      <c r="D52" s="168"/>
      <c r="E52" s="169"/>
      <c r="F52" s="170"/>
      <c r="G52" s="171"/>
      <c r="H52" s="170"/>
      <c r="I52" s="170"/>
      <c r="J52" s="172"/>
      <c r="K52" s="170"/>
      <c r="L52" s="171"/>
      <c r="M52" s="235"/>
      <c r="N52" s="175"/>
      <c r="O52" s="175"/>
      <c r="P52" s="176"/>
    </row>
    <row r="53" spans="1:16">
      <c r="B53" s="187"/>
      <c r="C53" s="187"/>
      <c r="F53" s="148"/>
      <c r="G53" s="148"/>
      <c r="H53" s="148"/>
      <c r="I53" s="148"/>
      <c r="J53" s="148"/>
      <c r="K53" s="148"/>
      <c r="L53" s="148"/>
      <c r="M53" s="149"/>
      <c r="N53" s="149"/>
      <c r="O53" s="149"/>
      <c r="P53" s="150"/>
    </row>
    <row r="54" spans="1:16">
      <c r="B54" s="187"/>
      <c r="C54" s="187"/>
      <c r="F54" s="148"/>
      <c r="G54" s="148"/>
      <c r="H54" s="148"/>
      <c r="I54" s="148"/>
      <c r="J54" s="148"/>
      <c r="K54" s="148"/>
      <c r="L54" s="148"/>
      <c r="M54" s="149"/>
      <c r="N54" s="149"/>
      <c r="O54" s="149"/>
      <c r="P54" s="150"/>
    </row>
    <row r="55" spans="1:16">
      <c r="B55" s="187"/>
      <c r="C55" s="187"/>
      <c r="F55" s="148"/>
      <c r="G55" s="148"/>
      <c r="H55" s="148"/>
      <c r="I55" s="148"/>
      <c r="J55" s="148"/>
      <c r="K55" s="148"/>
      <c r="L55" s="148"/>
      <c r="M55" s="149"/>
      <c r="N55" s="149"/>
      <c r="O55" s="149"/>
      <c r="P55" s="150"/>
    </row>
    <row r="56" spans="1:16">
      <c r="B56" s="187"/>
      <c r="C56" s="187"/>
      <c r="F56" s="148"/>
      <c r="G56" s="148"/>
      <c r="H56" s="148"/>
      <c r="I56" s="148"/>
      <c r="J56" s="148"/>
      <c r="K56" s="148"/>
      <c r="L56" s="148"/>
      <c r="M56" s="149"/>
      <c r="N56" s="149"/>
      <c r="O56" s="149"/>
      <c r="P56" s="150"/>
    </row>
    <row r="57" spans="1:16">
      <c r="B57" s="187"/>
      <c r="C57" s="187"/>
      <c r="F57" s="148"/>
      <c r="G57" s="148"/>
      <c r="H57" s="148"/>
      <c r="I57" s="148"/>
      <c r="J57" s="148"/>
      <c r="K57" s="148"/>
      <c r="L57" s="148"/>
      <c r="M57" s="149"/>
      <c r="N57" s="149"/>
      <c r="O57" s="149"/>
      <c r="P57" s="150"/>
    </row>
    <row r="58" spans="1:16">
      <c r="F58" s="148"/>
      <c r="G58" s="148"/>
      <c r="H58" s="148"/>
      <c r="I58" s="148"/>
      <c r="J58" s="148"/>
      <c r="K58" s="148"/>
      <c r="L58" s="148"/>
      <c r="M58" s="149"/>
      <c r="N58" s="149"/>
      <c r="O58" s="149"/>
      <c r="P58" s="150"/>
    </row>
    <row r="59" spans="1:16">
      <c r="F59" s="148"/>
      <c r="G59" s="148"/>
      <c r="H59" s="148"/>
      <c r="I59" s="148"/>
      <c r="J59" s="148"/>
      <c r="K59" s="148"/>
      <c r="L59" s="148"/>
      <c r="M59" s="149"/>
      <c r="N59" s="149"/>
      <c r="O59" s="149"/>
      <c r="P59" s="150"/>
    </row>
    <row r="60" spans="1:16">
      <c r="F60" s="148"/>
      <c r="G60" s="148"/>
      <c r="H60" s="148"/>
      <c r="I60" s="148"/>
      <c r="J60" s="148"/>
      <c r="K60" s="148"/>
      <c r="L60" s="148"/>
      <c r="M60" s="149"/>
      <c r="N60" s="149"/>
      <c r="O60" s="149"/>
      <c r="P60" s="150"/>
    </row>
    <row r="61" spans="1:16">
      <c r="F61" s="148"/>
      <c r="G61" s="148"/>
      <c r="H61" s="148"/>
      <c r="I61" s="148"/>
      <c r="J61" s="148"/>
      <c r="K61" s="148"/>
      <c r="L61" s="148"/>
      <c r="M61" s="149"/>
      <c r="N61" s="149"/>
      <c r="O61" s="149"/>
      <c r="P61" s="150"/>
    </row>
    <row r="62" spans="1:16">
      <c r="F62" s="151"/>
      <c r="G62" s="151"/>
      <c r="H62" s="151"/>
      <c r="I62" s="151"/>
      <c r="J62" s="151"/>
      <c r="K62" s="151"/>
      <c r="L62" s="151"/>
      <c r="P62" s="46"/>
    </row>
    <row r="63" spans="1:16">
      <c r="F63" s="151"/>
      <c r="G63" s="151"/>
      <c r="H63" s="151"/>
      <c r="I63" s="151"/>
      <c r="J63" s="151"/>
      <c r="K63" s="151"/>
      <c r="L63" s="151"/>
      <c r="P63" s="46"/>
    </row>
    <row r="64" spans="1:16">
      <c r="F64" s="151"/>
      <c r="G64" s="151"/>
      <c r="H64" s="151"/>
      <c r="I64" s="151"/>
      <c r="J64" s="151"/>
      <c r="K64" s="151"/>
      <c r="L64" s="151"/>
      <c r="P64" s="46"/>
    </row>
    <row r="65" spans="6:16">
      <c r="F65" s="151"/>
      <c r="G65" s="151"/>
      <c r="H65" s="151"/>
      <c r="I65" s="151"/>
      <c r="J65" s="151"/>
      <c r="K65" s="151"/>
      <c r="L65" s="151"/>
      <c r="P65" s="46"/>
    </row>
    <row r="66" spans="6:16">
      <c r="F66" s="151"/>
      <c r="G66" s="151"/>
      <c r="H66" s="151"/>
      <c r="I66" s="151"/>
      <c r="J66" s="151"/>
      <c r="K66" s="151"/>
      <c r="L66" s="151"/>
      <c r="P66" s="46"/>
    </row>
  </sheetData>
  <mergeCells count="9">
    <mergeCell ref="B9:C9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73"/>
  <sheetViews>
    <sheetView zoomScaleNormal="100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2" spans="1:16" s="9" customFormat="1" ht="12" customHeight="1">
      <c r="N2" s="10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181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1" customFormat="1" ht="3" customHeight="1" thickTop="1">
      <c r="A8" s="12"/>
      <c r="B8" s="68"/>
      <c r="C8" s="68"/>
      <c r="D8" s="177"/>
      <c r="E8" s="178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11" customFormat="1" ht="15" customHeight="1">
      <c r="B9" s="429" t="s">
        <v>182</v>
      </c>
      <c r="C9" s="432"/>
      <c r="D9" s="78"/>
      <c r="E9" s="232"/>
      <c r="F9" s="152">
        <v>27815</v>
      </c>
      <c r="G9" s="152">
        <v>63809</v>
      </c>
      <c r="H9" s="154">
        <v>30993</v>
      </c>
      <c r="I9" s="155">
        <v>32816</v>
      </c>
      <c r="J9" s="83">
        <v>8183</v>
      </c>
      <c r="K9" s="83">
        <v>41755</v>
      </c>
      <c r="L9" s="83">
        <v>13622</v>
      </c>
      <c r="M9" s="84">
        <v>75986</v>
      </c>
      <c r="N9" s="85">
        <v>42990</v>
      </c>
      <c r="O9" s="85">
        <v>5888</v>
      </c>
      <c r="P9" s="86">
        <v>119.6</v>
      </c>
    </row>
    <row r="10" spans="1:16" s="11" customFormat="1" ht="6.75" customHeight="1">
      <c r="B10" s="87"/>
      <c r="C10" s="88"/>
      <c r="D10" s="89"/>
      <c r="E10" s="90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12" customHeight="1">
      <c r="B11" s="87" t="s">
        <v>183</v>
      </c>
      <c r="C11" s="88" t="s">
        <v>26</v>
      </c>
      <c r="D11" s="89"/>
      <c r="E11" s="90"/>
      <c r="F11" s="98">
        <v>807</v>
      </c>
      <c r="G11" s="126">
        <v>1762</v>
      </c>
      <c r="H11" s="98">
        <v>845</v>
      </c>
      <c r="I11" s="126">
        <v>917</v>
      </c>
      <c r="J11" s="94">
        <v>162</v>
      </c>
      <c r="K11" s="94">
        <v>1120</v>
      </c>
      <c r="L11" s="94">
        <v>478</v>
      </c>
      <c r="M11" s="95">
        <v>2556</v>
      </c>
      <c r="N11" s="96">
        <v>1743</v>
      </c>
      <c r="O11" s="100">
        <v>0</v>
      </c>
      <c r="P11" s="97">
        <v>145.19999999999999</v>
      </c>
    </row>
    <row r="12" spans="1:16" s="11" customFormat="1" ht="12" customHeight="1">
      <c r="B12" s="87"/>
      <c r="C12" s="88" t="s">
        <v>27</v>
      </c>
      <c r="D12" s="89"/>
      <c r="E12" s="90"/>
      <c r="F12" s="98">
        <v>666</v>
      </c>
      <c r="G12" s="126">
        <v>1428</v>
      </c>
      <c r="H12" s="98">
        <v>694</v>
      </c>
      <c r="I12" s="126">
        <v>734</v>
      </c>
      <c r="J12" s="94">
        <v>138</v>
      </c>
      <c r="K12" s="94">
        <v>1049</v>
      </c>
      <c r="L12" s="94">
        <v>239</v>
      </c>
      <c r="M12" s="95">
        <v>1039</v>
      </c>
      <c r="N12" s="96">
        <v>484</v>
      </c>
      <c r="O12" s="100">
        <v>0</v>
      </c>
      <c r="P12" s="97">
        <v>72.900000000000006</v>
      </c>
    </row>
    <row r="13" spans="1:16" s="11" customFormat="1" ht="12" customHeight="1">
      <c r="B13" s="87"/>
      <c r="C13" s="88" t="s">
        <v>28</v>
      </c>
      <c r="D13" s="89"/>
      <c r="E13" s="90"/>
      <c r="F13" s="98">
        <v>754</v>
      </c>
      <c r="G13" s="126">
        <v>1696</v>
      </c>
      <c r="H13" s="98">
        <v>804</v>
      </c>
      <c r="I13" s="126">
        <v>892</v>
      </c>
      <c r="J13" s="94">
        <v>165</v>
      </c>
      <c r="K13" s="94">
        <v>1157</v>
      </c>
      <c r="L13" s="94">
        <v>374</v>
      </c>
      <c r="M13" s="95">
        <v>1595</v>
      </c>
      <c r="N13" s="96">
        <v>910</v>
      </c>
      <c r="O13" s="100">
        <v>0</v>
      </c>
      <c r="P13" s="97">
        <v>94</v>
      </c>
    </row>
    <row r="14" spans="1:16" s="11" customFormat="1" ht="12" customHeight="1">
      <c r="B14" s="87"/>
      <c r="C14" s="88" t="s">
        <v>29</v>
      </c>
      <c r="D14" s="89"/>
      <c r="E14" s="90"/>
      <c r="F14" s="98">
        <v>248</v>
      </c>
      <c r="G14" s="126">
        <v>537</v>
      </c>
      <c r="H14" s="98">
        <v>276</v>
      </c>
      <c r="I14" s="126">
        <v>261</v>
      </c>
      <c r="J14" s="94">
        <v>49</v>
      </c>
      <c r="K14" s="94">
        <v>370</v>
      </c>
      <c r="L14" s="94">
        <v>118</v>
      </c>
      <c r="M14" s="95">
        <v>824</v>
      </c>
      <c r="N14" s="96">
        <v>365</v>
      </c>
      <c r="O14" s="96">
        <v>226</v>
      </c>
      <c r="P14" s="97">
        <v>153.4</v>
      </c>
    </row>
    <row r="15" spans="1:16" s="11" customFormat="1" ht="12" customHeight="1">
      <c r="B15" s="87"/>
      <c r="C15" s="88" t="s">
        <v>30</v>
      </c>
      <c r="D15" s="89"/>
      <c r="E15" s="90"/>
      <c r="F15" s="98">
        <v>683</v>
      </c>
      <c r="G15" s="126">
        <v>1413</v>
      </c>
      <c r="H15" s="98">
        <v>636</v>
      </c>
      <c r="I15" s="126">
        <v>777</v>
      </c>
      <c r="J15" s="94">
        <v>103</v>
      </c>
      <c r="K15" s="94">
        <v>809</v>
      </c>
      <c r="L15" s="94">
        <v>501</v>
      </c>
      <c r="M15" s="95">
        <v>1493</v>
      </c>
      <c r="N15" s="96">
        <v>743</v>
      </c>
      <c r="O15" s="100">
        <v>0</v>
      </c>
      <c r="P15" s="97">
        <v>105.7</v>
      </c>
    </row>
    <row r="16" spans="1:16" s="11" customFormat="1" ht="12" customHeight="1">
      <c r="B16" s="87"/>
      <c r="C16" s="88" t="s">
        <v>31</v>
      </c>
      <c r="D16" s="89"/>
      <c r="E16" s="90"/>
      <c r="F16" s="98">
        <v>27</v>
      </c>
      <c r="G16" s="126">
        <v>47</v>
      </c>
      <c r="H16" s="98">
        <v>22</v>
      </c>
      <c r="I16" s="126">
        <v>25</v>
      </c>
      <c r="J16" s="94">
        <v>3</v>
      </c>
      <c r="K16" s="94">
        <v>24</v>
      </c>
      <c r="L16" s="94">
        <v>20</v>
      </c>
      <c r="M16" s="102">
        <v>437</v>
      </c>
      <c r="N16" s="103">
        <v>410</v>
      </c>
      <c r="O16" s="100">
        <v>0</v>
      </c>
      <c r="P16" s="109">
        <v>929.8</v>
      </c>
    </row>
    <row r="17" spans="2:16" s="11" customFormat="1" ht="12" customHeight="1">
      <c r="B17" s="87"/>
      <c r="C17" s="88" t="s">
        <v>32</v>
      </c>
      <c r="D17" s="89"/>
      <c r="E17" s="90"/>
      <c r="F17" s="98">
        <v>7</v>
      </c>
      <c r="G17" s="126">
        <v>22</v>
      </c>
      <c r="H17" s="98">
        <v>10</v>
      </c>
      <c r="I17" s="126">
        <v>12</v>
      </c>
      <c r="J17" s="94">
        <v>7</v>
      </c>
      <c r="K17" s="94">
        <v>14</v>
      </c>
      <c r="L17" s="94">
        <v>1</v>
      </c>
      <c r="M17" s="102">
        <v>74</v>
      </c>
      <c r="N17" s="103">
        <v>67</v>
      </c>
      <c r="O17" s="100">
        <v>0</v>
      </c>
      <c r="P17" s="135">
        <v>336.4</v>
      </c>
    </row>
    <row r="18" spans="2:16" s="11" customFormat="1" ht="12" customHeight="1">
      <c r="B18" s="87" t="s">
        <v>184</v>
      </c>
      <c r="C18" s="88" t="s">
        <v>26</v>
      </c>
      <c r="D18" s="89"/>
      <c r="E18" s="90"/>
      <c r="F18" s="98">
        <v>196</v>
      </c>
      <c r="G18" s="126">
        <v>398</v>
      </c>
      <c r="H18" s="98">
        <v>188</v>
      </c>
      <c r="I18" s="126">
        <v>210</v>
      </c>
      <c r="J18" s="94">
        <v>40</v>
      </c>
      <c r="K18" s="94">
        <v>271</v>
      </c>
      <c r="L18" s="94">
        <v>87</v>
      </c>
      <c r="M18" s="95">
        <v>1214</v>
      </c>
      <c r="N18" s="96">
        <v>241</v>
      </c>
      <c r="O18" s="96">
        <v>803</v>
      </c>
      <c r="P18" s="97">
        <v>305</v>
      </c>
    </row>
    <row r="19" spans="2:16" s="11" customFormat="1" ht="12" customHeight="1">
      <c r="B19" s="87"/>
      <c r="C19" s="88" t="s">
        <v>27</v>
      </c>
      <c r="D19" s="89"/>
      <c r="E19" s="90"/>
      <c r="F19" s="98">
        <v>253</v>
      </c>
      <c r="G19" s="126">
        <v>532</v>
      </c>
      <c r="H19" s="98">
        <v>254</v>
      </c>
      <c r="I19" s="126">
        <v>278</v>
      </c>
      <c r="J19" s="94">
        <v>45</v>
      </c>
      <c r="K19" s="94">
        <v>324</v>
      </c>
      <c r="L19" s="94">
        <v>161</v>
      </c>
      <c r="M19" s="95">
        <v>323</v>
      </c>
      <c r="N19" s="96">
        <v>75</v>
      </c>
      <c r="O19" s="100">
        <v>0</v>
      </c>
      <c r="P19" s="97">
        <v>60.9</v>
      </c>
    </row>
    <row r="20" spans="2:16" s="11" customFormat="1" ht="12" customHeight="1">
      <c r="B20" s="87" t="s">
        <v>185</v>
      </c>
      <c r="C20" s="88" t="s">
        <v>26</v>
      </c>
      <c r="D20" s="89"/>
      <c r="E20" s="90"/>
      <c r="F20" s="98">
        <v>231</v>
      </c>
      <c r="G20" s="126">
        <v>526</v>
      </c>
      <c r="H20" s="98">
        <v>254</v>
      </c>
      <c r="I20" s="126">
        <v>272</v>
      </c>
      <c r="J20" s="94">
        <v>65</v>
      </c>
      <c r="K20" s="94">
        <v>352</v>
      </c>
      <c r="L20" s="94">
        <v>109</v>
      </c>
      <c r="M20" s="95">
        <v>1165</v>
      </c>
      <c r="N20" s="96">
        <v>964</v>
      </c>
      <c r="O20" s="100">
        <v>0</v>
      </c>
      <c r="P20" s="97">
        <v>221.5</v>
      </c>
    </row>
    <row r="21" spans="2:16" s="11" customFormat="1" ht="12" customHeight="1">
      <c r="B21" s="87"/>
      <c r="C21" s="88" t="s">
        <v>27</v>
      </c>
      <c r="D21" s="89"/>
      <c r="E21" s="90"/>
      <c r="F21" s="98">
        <v>554</v>
      </c>
      <c r="G21" s="126">
        <v>1240</v>
      </c>
      <c r="H21" s="98">
        <v>570</v>
      </c>
      <c r="I21" s="126">
        <v>670</v>
      </c>
      <c r="J21" s="94">
        <v>106</v>
      </c>
      <c r="K21" s="94">
        <v>745</v>
      </c>
      <c r="L21" s="94">
        <v>389</v>
      </c>
      <c r="M21" s="95">
        <v>1338</v>
      </c>
      <c r="N21" s="96">
        <v>655</v>
      </c>
      <c r="O21" s="96">
        <v>134</v>
      </c>
      <c r="P21" s="97">
        <v>107.9</v>
      </c>
    </row>
    <row r="22" spans="2:16" s="11" customFormat="1" ht="12" customHeight="1">
      <c r="B22" s="87" t="s">
        <v>186</v>
      </c>
      <c r="C22" s="88" t="s">
        <v>26</v>
      </c>
      <c r="D22" s="89"/>
      <c r="E22" s="90"/>
      <c r="F22" s="98">
        <v>1000</v>
      </c>
      <c r="G22" s="126">
        <v>1993</v>
      </c>
      <c r="H22" s="98">
        <v>1028</v>
      </c>
      <c r="I22" s="126">
        <v>965</v>
      </c>
      <c r="J22" s="94">
        <v>180</v>
      </c>
      <c r="K22" s="94">
        <v>1313</v>
      </c>
      <c r="L22" s="94">
        <v>477</v>
      </c>
      <c r="M22" s="95">
        <v>1433</v>
      </c>
      <c r="N22" s="96">
        <v>538</v>
      </c>
      <c r="O22" s="100">
        <v>0</v>
      </c>
      <c r="P22" s="97">
        <v>72.7</v>
      </c>
    </row>
    <row r="23" spans="2:16" s="11" customFormat="1" ht="12" customHeight="1">
      <c r="B23" s="87"/>
      <c r="C23" s="88" t="s">
        <v>27</v>
      </c>
      <c r="D23" s="89"/>
      <c r="E23" s="90"/>
      <c r="F23" s="98">
        <v>624</v>
      </c>
      <c r="G23" s="126">
        <v>1374</v>
      </c>
      <c r="H23" s="98">
        <v>682</v>
      </c>
      <c r="I23" s="126">
        <v>692</v>
      </c>
      <c r="J23" s="94">
        <v>158</v>
      </c>
      <c r="K23" s="94">
        <v>867</v>
      </c>
      <c r="L23" s="94">
        <v>347</v>
      </c>
      <c r="M23" s="95">
        <v>943</v>
      </c>
      <c r="N23" s="96">
        <v>333</v>
      </c>
      <c r="O23" s="100">
        <v>0</v>
      </c>
      <c r="P23" s="97">
        <v>68.7</v>
      </c>
    </row>
    <row r="24" spans="2:16" s="11" customFormat="1" ht="12" customHeight="1">
      <c r="B24" s="87"/>
      <c r="C24" s="88" t="s">
        <v>28</v>
      </c>
      <c r="D24" s="89"/>
      <c r="E24" s="90"/>
      <c r="F24" s="98">
        <v>1179</v>
      </c>
      <c r="G24" s="126">
        <v>2250</v>
      </c>
      <c r="H24" s="98">
        <v>1139</v>
      </c>
      <c r="I24" s="126">
        <v>1111</v>
      </c>
      <c r="J24" s="94">
        <v>214</v>
      </c>
      <c r="K24" s="94">
        <v>1544</v>
      </c>
      <c r="L24" s="94">
        <v>488</v>
      </c>
      <c r="M24" s="95">
        <v>2045</v>
      </c>
      <c r="N24" s="96">
        <v>1019</v>
      </c>
      <c r="O24" s="96">
        <v>193</v>
      </c>
      <c r="P24" s="97">
        <v>91.1</v>
      </c>
    </row>
    <row r="25" spans="2:16" s="11" customFormat="1" ht="12" customHeight="1">
      <c r="B25" s="87" t="s">
        <v>187</v>
      </c>
      <c r="C25" s="88" t="s">
        <v>26</v>
      </c>
      <c r="D25" s="89"/>
      <c r="E25" s="90"/>
      <c r="F25" s="98">
        <v>795</v>
      </c>
      <c r="G25" s="126">
        <v>1660</v>
      </c>
      <c r="H25" s="98">
        <v>834</v>
      </c>
      <c r="I25" s="126">
        <v>826</v>
      </c>
      <c r="J25" s="94">
        <v>132</v>
      </c>
      <c r="K25" s="94">
        <v>1027</v>
      </c>
      <c r="L25" s="94">
        <v>496</v>
      </c>
      <c r="M25" s="95">
        <v>2060</v>
      </c>
      <c r="N25" s="96">
        <v>1325</v>
      </c>
      <c r="O25" s="100">
        <v>0</v>
      </c>
      <c r="P25" s="97">
        <v>124.5</v>
      </c>
    </row>
    <row r="26" spans="2:16" s="11" customFormat="1" ht="12" customHeight="1">
      <c r="B26" s="87"/>
      <c r="C26" s="88" t="s">
        <v>27</v>
      </c>
      <c r="D26" s="89"/>
      <c r="E26" s="90"/>
      <c r="F26" s="98">
        <v>580</v>
      </c>
      <c r="G26" s="126">
        <v>1382</v>
      </c>
      <c r="H26" s="98">
        <v>643</v>
      </c>
      <c r="I26" s="126">
        <v>739</v>
      </c>
      <c r="J26" s="94">
        <v>139</v>
      </c>
      <c r="K26" s="94">
        <v>819</v>
      </c>
      <c r="L26" s="94">
        <v>418</v>
      </c>
      <c r="M26" s="95">
        <v>1193</v>
      </c>
      <c r="N26" s="96">
        <v>585</v>
      </c>
      <c r="O26" s="100">
        <v>0</v>
      </c>
      <c r="P26" s="97">
        <v>86.7</v>
      </c>
    </row>
    <row r="27" spans="2:16" s="11" customFormat="1" ht="12" customHeight="1">
      <c r="B27" s="87"/>
      <c r="C27" s="88" t="s">
        <v>28</v>
      </c>
      <c r="D27" s="89"/>
      <c r="E27" s="90"/>
      <c r="F27" s="98">
        <v>493</v>
      </c>
      <c r="G27" s="126">
        <v>1090</v>
      </c>
      <c r="H27" s="98">
        <v>513</v>
      </c>
      <c r="I27" s="126">
        <v>577</v>
      </c>
      <c r="J27" s="94">
        <v>95</v>
      </c>
      <c r="K27" s="94">
        <v>665</v>
      </c>
      <c r="L27" s="94">
        <v>330</v>
      </c>
      <c r="M27" s="95">
        <v>1192</v>
      </c>
      <c r="N27" s="96">
        <v>272</v>
      </c>
      <c r="O27" s="96">
        <v>427</v>
      </c>
      <c r="P27" s="97">
        <v>109.4</v>
      </c>
    </row>
    <row r="28" spans="2:16" s="11" customFormat="1" ht="12" customHeight="1">
      <c r="B28" s="87" t="s">
        <v>188</v>
      </c>
      <c r="C28" s="88" t="s">
        <v>26</v>
      </c>
      <c r="D28" s="89"/>
      <c r="E28" s="90"/>
      <c r="F28" s="98">
        <v>1033</v>
      </c>
      <c r="G28" s="126">
        <v>2517</v>
      </c>
      <c r="H28" s="98">
        <v>1172</v>
      </c>
      <c r="I28" s="126">
        <v>1345</v>
      </c>
      <c r="J28" s="94">
        <v>276</v>
      </c>
      <c r="K28" s="94">
        <v>1684</v>
      </c>
      <c r="L28" s="94">
        <v>535</v>
      </c>
      <c r="M28" s="95">
        <v>2693</v>
      </c>
      <c r="N28" s="96">
        <v>1379</v>
      </c>
      <c r="O28" s="96">
        <v>293</v>
      </c>
      <c r="P28" s="97">
        <v>107.9</v>
      </c>
    </row>
    <row r="29" spans="2:16" s="11" customFormat="1" ht="8.25" customHeight="1">
      <c r="B29" s="87"/>
      <c r="C29" s="415" t="s">
        <v>27</v>
      </c>
      <c r="D29" s="89"/>
      <c r="E29" s="438" t="s">
        <v>189</v>
      </c>
      <c r="F29" s="405">
        <v>789</v>
      </c>
      <c r="G29" s="126">
        <v>1756</v>
      </c>
      <c r="H29" s="405">
        <v>863</v>
      </c>
      <c r="I29" s="405">
        <v>893</v>
      </c>
      <c r="J29" s="427">
        <v>237</v>
      </c>
      <c r="K29" s="427">
        <v>1152</v>
      </c>
      <c r="L29" s="428">
        <v>370</v>
      </c>
      <c r="M29" s="425">
        <v>1333</v>
      </c>
      <c r="N29" s="416">
        <v>575</v>
      </c>
      <c r="O29" s="416">
        <v>0</v>
      </c>
      <c r="P29" s="434">
        <v>76.400000000000006</v>
      </c>
    </row>
    <row r="30" spans="2:16" s="11" customFormat="1" ht="8.25" customHeight="1">
      <c r="B30" s="87"/>
      <c r="C30" s="415"/>
      <c r="D30" s="89"/>
      <c r="E30" s="438"/>
      <c r="F30" s="405"/>
      <c r="G30" s="237">
        <v>1774</v>
      </c>
      <c r="H30" s="405"/>
      <c r="I30" s="405"/>
      <c r="J30" s="427"/>
      <c r="K30" s="427"/>
      <c r="L30" s="428"/>
      <c r="M30" s="425"/>
      <c r="N30" s="416"/>
      <c r="O30" s="416"/>
      <c r="P30" s="434">
        <v>0</v>
      </c>
    </row>
    <row r="31" spans="2:16" s="11" customFormat="1" ht="12" customHeight="1">
      <c r="B31" s="87"/>
      <c r="C31" s="88" t="s">
        <v>28</v>
      </c>
      <c r="D31" s="89"/>
      <c r="E31" s="238" t="s">
        <v>190</v>
      </c>
      <c r="F31" s="98">
        <v>10</v>
      </c>
      <c r="G31" s="126">
        <v>18</v>
      </c>
      <c r="H31" s="98">
        <v>9</v>
      </c>
      <c r="I31" s="126">
        <v>9</v>
      </c>
      <c r="J31" s="104" t="s">
        <v>106</v>
      </c>
      <c r="K31" s="104" t="s">
        <v>106</v>
      </c>
      <c r="L31" s="104" t="s">
        <v>106</v>
      </c>
      <c r="M31" s="95">
        <v>1794</v>
      </c>
      <c r="N31" s="96">
        <v>1789</v>
      </c>
      <c r="O31" s="100">
        <v>0</v>
      </c>
      <c r="P31" s="97">
        <v>12814.3</v>
      </c>
    </row>
    <row r="32" spans="2:16" s="11" customFormat="1" ht="12" customHeight="1">
      <c r="B32" s="87" t="s">
        <v>191</v>
      </c>
      <c r="C32" s="88" t="s">
        <v>26</v>
      </c>
      <c r="D32" s="89"/>
      <c r="E32" s="90"/>
      <c r="F32" s="98">
        <v>113</v>
      </c>
      <c r="G32" s="126">
        <v>220</v>
      </c>
      <c r="H32" s="98">
        <v>111</v>
      </c>
      <c r="I32" s="126">
        <v>109</v>
      </c>
      <c r="J32" s="94">
        <v>22</v>
      </c>
      <c r="K32" s="94">
        <v>142</v>
      </c>
      <c r="L32" s="94">
        <v>56</v>
      </c>
      <c r="M32" s="95">
        <v>660</v>
      </c>
      <c r="N32" s="96">
        <v>211</v>
      </c>
      <c r="O32" s="103">
        <v>342</v>
      </c>
      <c r="P32" s="109">
        <v>300</v>
      </c>
    </row>
    <row r="33" spans="2:16" s="11" customFormat="1" ht="12" customHeight="1">
      <c r="B33" s="87"/>
      <c r="C33" s="88" t="s">
        <v>27</v>
      </c>
      <c r="D33" s="89"/>
      <c r="E33" s="90"/>
      <c r="F33" s="98">
        <v>739</v>
      </c>
      <c r="G33" s="126">
        <v>1896</v>
      </c>
      <c r="H33" s="98">
        <v>939</v>
      </c>
      <c r="I33" s="126">
        <v>957</v>
      </c>
      <c r="J33" s="94">
        <v>285</v>
      </c>
      <c r="K33" s="94">
        <v>1227</v>
      </c>
      <c r="L33" s="94">
        <v>372</v>
      </c>
      <c r="M33" s="95">
        <v>992</v>
      </c>
      <c r="N33" s="96">
        <v>171</v>
      </c>
      <c r="O33" s="100">
        <v>0</v>
      </c>
      <c r="P33" s="97">
        <v>52.7</v>
      </c>
    </row>
    <row r="34" spans="2:16" s="11" customFormat="1" ht="12" customHeight="1">
      <c r="B34" s="87"/>
      <c r="C34" s="88" t="s">
        <v>28</v>
      </c>
      <c r="D34" s="89"/>
      <c r="E34" s="90"/>
      <c r="F34" s="101" t="s">
        <v>192</v>
      </c>
      <c r="G34" s="101" t="s">
        <v>192</v>
      </c>
      <c r="H34" s="101" t="s">
        <v>192</v>
      </c>
      <c r="I34" s="101" t="s">
        <v>192</v>
      </c>
      <c r="J34" s="101" t="s">
        <v>192</v>
      </c>
      <c r="K34" s="101" t="s">
        <v>192</v>
      </c>
      <c r="L34" s="101" t="s">
        <v>192</v>
      </c>
      <c r="M34" s="95">
        <v>592</v>
      </c>
      <c r="N34" s="96">
        <v>592</v>
      </c>
      <c r="O34" s="100">
        <v>0</v>
      </c>
      <c r="P34" s="104" t="s">
        <v>96</v>
      </c>
    </row>
    <row r="35" spans="2:16" s="11" customFormat="1" ht="12" customHeight="1">
      <c r="B35" s="87" t="s">
        <v>193</v>
      </c>
      <c r="C35" s="88" t="s">
        <v>26</v>
      </c>
      <c r="D35" s="89"/>
      <c r="E35" s="90"/>
      <c r="F35" s="98">
        <v>1432</v>
      </c>
      <c r="G35" s="126">
        <v>2761</v>
      </c>
      <c r="H35" s="98">
        <v>1323</v>
      </c>
      <c r="I35" s="126">
        <v>1438</v>
      </c>
      <c r="J35" s="94">
        <v>250</v>
      </c>
      <c r="K35" s="94">
        <v>1762</v>
      </c>
      <c r="L35" s="94">
        <v>749</v>
      </c>
      <c r="M35" s="95">
        <v>1538</v>
      </c>
      <c r="N35" s="96">
        <v>152</v>
      </c>
      <c r="O35" s="100">
        <v>0</v>
      </c>
      <c r="P35" s="97">
        <v>55.7</v>
      </c>
    </row>
    <row r="36" spans="2:16" s="11" customFormat="1" ht="12" customHeight="1">
      <c r="B36" s="87"/>
      <c r="C36" s="88" t="s">
        <v>27</v>
      </c>
      <c r="D36" s="233"/>
      <c r="E36" s="90"/>
      <c r="F36" s="98">
        <v>679</v>
      </c>
      <c r="G36" s="123">
        <v>1630</v>
      </c>
      <c r="H36" s="98">
        <v>783</v>
      </c>
      <c r="I36" s="123">
        <v>847</v>
      </c>
      <c r="J36" s="94">
        <v>192</v>
      </c>
      <c r="K36" s="94">
        <v>984</v>
      </c>
      <c r="L36" s="94">
        <v>454</v>
      </c>
      <c r="M36" s="95">
        <v>1158</v>
      </c>
      <c r="N36" s="96">
        <v>400</v>
      </c>
      <c r="O36" s="100">
        <v>0</v>
      </c>
      <c r="P36" s="97">
        <v>71</v>
      </c>
    </row>
    <row r="37" spans="2:16" s="11" customFormat="1" ht="12" customHeight="1">
      <c r="B37" s="87"/>
      <c r="C37" s="88" t="s">
        <v>28</v>
      </c>
      <c r="D37" s="233"/>
      <c r="E37" s="90"/>
      <c r="F37" s="98">
        <v>579</v>
      </c>
      <c r="G37" s="126">
        <v>1540</v>
      </c>
      <c r="H37" s="98">
        <v>764</v>
      </c>
      <c r="I37" s="126">
        <v>776</v>
      </c>
      <c r="J37" s="94">
        <v>303</v>
      </c>
      <c r="K37" s="94">
        <v>971</v>
      </c>
      <c r="L37" s="94">
        <v>264</v>
      </c>
      <c r="M37" s="95">
        <v>1595</v>
      </c>
      <c r="N37" s="96">
        <v>327</v>
      </c>
      <c r="O37" s="96">
        <v>684</v>
      </c>
      <c r="P37" s="97">
        <v>103.7</v>
      </c>
    </row>
    <row r="38" spans="2:16" s="11" customFormat="1" ht="12" customHeight="1">
      <c r="B38" s="87"/>
      <c r="C38" s="88" t="s">
        <v>29</v>
      </c>
      <c r="D38" s="89"/>
      <c r="E38" s="90"/>
      <c r="F38" s="98">
        <v>329</v>
      </c>
      <c r="G38" s="126">
        <v>782</v>
      </c>
      <c r="H38" s="98">
        <v>382</v>
      </c>
      <c r="I38" s="126">
        <v>400</v>
      </c>
      <c r="J38" s="94">
        <v>92</v>
      </c>
      <c r="K38" s="94">
        <v>473</v>
      </c>
      <c r="L38" s="94">
        <v>217</v>
      </c>
      <c r="M38" s="95">
        <v>486</v>
      </c>
      <c r="N38" s="96">
        <v>154</v>
      </c>
      <c r="O38" s="100">
        <v>0</v>
      </c>
      <c r="P38" s="97">
        <v>62.1</v>
      </c>
    </row>
    <row r="39" spans="2:16" s="11" customFormat="1" ht="12" customHeight="1">
      <c r="B39" s="87"/>
      <c r="C39" s="88" t="s">
        <v>30</v>
      </c>
      <c r="D39" s="89"/>
      <c r="E39" s="90"/>
      <c r="F39" s="98">
        <v>907</v>
      </c>
      <c r="G39" s="126">
        <v>2084</v>
      </c>
      <c r="H39" s="98">
        <v>1041</v>
      </c>
      <c r="I39" s="126">
        <v>1043</v>
      </c>
      <c r="J39" s="94">
        <v>268</v>
      </c>
      <c r="K39" s="94">
        <v>1384</v>
      </c>
      <c r="L39" s="94">
        <v>427</v>
      </c>
      <c r="M39" s="95">
        <v>1223</v>
      </c>
      <c r="N39" s="96">
        <v>389</v>
      </c>
      <c r="O39" s="100">
        <v>0</v>
      </c>
      <c r="P39" s="97">
        <v>58.8</v>
      </c>
    </row>
    <row r="40" spans="2:16" s="11" customFormat="1" ht="12" customHeight="1">
      <c r="B40" s="87"/>
      <c r="C40" s="88" t="s">
        <v>31</v>
      </c>
      <c r="D40" s="89"/>
      <c r="E40" s="90"/>
      <c r="F40" s="98">
        <v>1616</v>
      </c>
      <c r="G40" s="126">
        <v>3534</v>
      </c>
      <c r="H40" s="98">
        <v>1780</v>
      </c>
      <c r="I40" s="126">
        <v>1754</v>
      </c>
      <c r="J40" s="94">
        <v>567</v>
      </c>
      <c r="K40" s="94">
        <v>2333</v>
      </c>
      <c r="L40" s="94">
        <v>607</v>
      </c>
      <c r="M40" s="95">
        <v>1742</v>
      </c>
      <c r="N40" s="96">
        <v>292</v>
      </c>
      <c r="O40" s="100">
        <v>0</v>
      </c>
      <c r="P40" s="97">
        <v>49.7</v>
      </c>
    </row>
    <row r="41" spans="2:16" s="11" customFormat="1" ht="12" customHeight="1">
      <c r="B41" s="87" t="s">
        <v>194</v>
      </c>
      <c r="C41" s="88" t="s">
        <v>26</v>
      </c>
      <c r="D41" s="89"/>
      <c r="E41" s="90"/>
      <c r="F41" s="98">
        <v>3693</v>
      </c>
      <c r="G41" s="126">
        <v>8850</v>
      </c>
      <c r="H41" s="98">
        <v>4257</v>
      </c>
      <c r="I41" s="126">
        <v>4593</v>
      </c>
      <c r="J41" s="94">
        <v>1505</v>
      </c>
      <c r="K41" s="94">
        <v>6233</v>
      </c>
      <c r="L41" s="94">
        <v>1093</v>
      </c>
      <c r="M41" s="95">
        <v>4797</v>
      </c>
      <c r="N41" s="96">
        <v>714</v>
      </c>
      <c r="O41" s="96">
        <v>660</v>
      </c>
      <c r="P41" s="97">
        <v>54.3</v>
      </c>
    </row>
    <row r="42" spans="2:16" s="11" customFormat="1" ht="12" customHeight="1">
      <c r="B42" s="87"/>
      <c r="C42" s="88" t="s">
        <v>27</v>
      </c>
      <c r="D42" s="89"/>
      <c r="E42" s="90"/>
      <c r="F42" s="98">
        <v>421</v>
      </c>
      <c r="G42" s="126">
        <v>983</v>
      </c>
      <c r="H42" s="98">
        <v>474</v>
      </c>
      <c r="I42" s="126">
        <v>509</v>
      </c>
      <c r="J42" s="94">
        <v>93</v>
      </c>
      <c r="K42" s="94">
        <v>566</v>
      </c>
      <c r="L42" s="94">
        <v>318</v>
      </c>
      <c r="M42" s="95">
        <v>1344</v>
      </c>
      <c r="N42" s="96">
        <v>332</v>
      </c>
      <c r="O42" s="96">
        <v>547</v>
      </c>
      <c r="P42" s="97">
        <v>137.6</v>
      </c>
    </row>
    <row r="43" spans="2:16" s="11" customFormat="1" ht="12" customHeight="1">
      <c r="B43" s="87"/>
      <c r="C43" s="88" t="s">
        <v>28</v>
      </c>
      <c r="D43" s="89"/>
      <c r="E43" s="90"/>
      <c r="F43" s="98">
        <v>747</v>
      </c>
      <c r="G43" s="126">
        <v>1876</v>
      </c>
      <c r="H43" s="98">
        <v>922</v>
      </c>
      <c r="I43" s="126">
        <v>954</v>
      </c>
      <c r="J43" s="94">
        <v>207</v>
      </c>
      <c r="K43" s="94">
        <v>1176</v>
      </c>
      <c r="L43" s="94">
        <v>460</v>
      </c>
      <c r="M43" s="95">
        <v>990</v>
      </c>
      <c r="N43" s="96">
        <v>151</v>
      </c>
      <c r="O43" s="100">
        <v>0</v>
      </c>
      <c r="P43" s="97">
        <v>53.7</v>
      </c>
    </row>
    <row r="44" spans="2:16" s="11" customFormat="1" ht="12" customHeight="1">
      <c r="B44" s="87" t="s">
        <v>195</v>
      </c>
      <c r="C44" s="88" t="s">
        <v>26</v>
      </c>
      <c r="D44" s="89"/>
      <c r="E44" s="90"/>
      <c r="F44" s="98">
        <v>1542</v>
      </c>
      <c r="G44" s="126">
        <v>3594</v>
      </c>
      <c r="H44" s="98">
        <v>1717</v>
      </c>
      <c r="I44" s="126">
        <v>1877</v>
      </c>
      <c r="J44" s="94">
        <v>437</v>
      </c>
      <c r="K44" s="94">
        <v>2321</v>
      </c>
      <c r="L44" s="94">
        <v>836</v>
      </c>
      <c r="M44" s="95">
        <v>1805</v>
      </c>
      <c r="N44" s="96">
        <v>195</v>
      </c>
      <c r="O44" s="100">
        <v>0</v>
      </c>
      <c r="P44" s="97">
        <v>50.2</v>
      </c>
    </row>
    <row r="45" spans="2:16" s="11" customFormat="1" ht="11.25" customHeight="1">
      <c r="B45" s="87"/>
      <c r="C45" s="88" t="s">
        <v>27</v>
      </c>
      <c r="D45" s="89"/>
      <c r="E45" s="90"/>
      <c r="F45" s="98">
        <v>223</v>
      </c>
      <c r="G45" s="126">
        <v>574</v>
      </c>
      <c r="H45" s="98">
        <v>262</v>
      </c>
      <c r="I45" s="126">
        <v>312</v>
      </c>
      <c r="J45" s="94">
        <v>80</v>
      </c>
      <c r="K45" s="94">
        <v>337</v>
      </c>
      <c r="L45" s="94">
        <v>157</v>
      </c>
      <c r="M45" s="95">
        <v>1782</v>
      </c>
      <c r="N45" s="96">
        <v>346</v>
      </c>
      <c r="O45" s="96">
        <v>1118</v>
      </c>
      <c r="P45" s="97">
        <v>310.5</v>
      </c>
    </row>
    <row r="46" spans="2:16" s="11" customFormat="1" ht="11.25" customHeight="1">
      <c r="B46" s="87"/>
      <c r="C46" s="88" t="s">
        <v>28</v>
      </c>
      <c r="D46" s="89"/>
      <c r="E46" s="90"/>
      <c r="F46" s="98">
        <v>1142</v>
      </c>
      <c r="G46" s="126">
        <v>3153</v>
      </c>
      <c r="H46" s="98">
        <v>1549</v>
      </c>
      <c r="I46" s="126">
        <v>1604</v>
      </c>
      <c r="J46" s="94">
        <v>539</v>
      </c>
      <c r="K46" s="94">
        <v>2174</v>
      </c>
      <c r="L46" s="94">
        <v>431</v>
      </c>
      <c r="M46" s="95">
        <v>1602</v>
      </c>
      <c r="N46" s="96">
        <v>412</v>
      </c>
      <c r="O46" s="100">
        <v>0</v>
      </c>
      <c r="P46" s="97">
        <v>51</v>
      </c>
    </row>
    <row r="47" spans="2:16" s="11" customFormat="1" ht="11.25" customHeight="1">
      <c r="B47" s="87"/>
      <c r="C47" s="88" t="s">
        <v>29</v>
      </c>
      <c r="D47" s="89"/>
      <c r="E47" s="90"/>
      <c r="F47" s="98">
        <v>999</v>
      </c>
      <c r="G47" s="126">
        <v>2230</v>
      </c>
      <c r="H47" s="98">
        <v>1093</v>
      </c>
      <c r="I47" s="126">
        <v>1137</v>
      </c>
      <c r="J47" s="94">
        <v>344</v>
      </c>
      <c r="K47" s="94">
        <v>1558</v>
      </c>
      <c r="L47" s="94">
        <v>328</v>
      </c>
      <c r="M47" s="95">
        <v>1079</v>
      </c>
      <c r="N47" s="96">
        <v>91</v>
      </c>
      <c r="O47" s="100">
        <v>0</v>
      </c>
      <c r="P47" s="109">
        <v>48.4</v>
      </c>
    </row>
    <row r="48" spans="2:16" s="11" customFormat="1" ht="11.25" customHeight="1">
      <c r="B48" s="87"/>
      <c r="C48" s="88" t="s">
        <v>30</v>
      </c>
      <c r="D48" s="89"/>
      <c r="E48" s="90"/>
      <c r="F48" s="98">
        <v>224</v>
      </c>
      <c r="G48" s="126">
        <v>746</v>
      </c>
      <c r="H48" s="98">
        <v>387</v>
      </c>
      <c r="I48" s="126">
        <v>359</v>
      </c>
      <c r="J48" s="94">
        <v>194</v>
      </c>
      <c r="K48" s="94">
        <v>475</v>
      </c>
      <c r="L48" s="94">
        <v>77</v>
      </c>
      <c r="M48" s="95">
        <v>969</v>
      </c>
      <c r="N48" s="96">
        <v>668</v>
      </c>
      <c r="O48" s="100">
        <v>0</v>
      </c>
      <c r="P48" s="109">
        <v>129.9</v>
      </c>
    </row>
    <row r="49" spans="2:16" s="11" customFormat="1" ht="11.25" customHeight="1">
      <c r="B49" s="87"/>
      <c r="C49" s="88" t="s">
        <v>31</v>
      </c>
      <c r="D49" s="89"/>
      <c r="E49" s="90"/>
      <c r="F49" s="98">
        <v>578</v>
      </c>
      <c r="G49" s="126">
        <v>1600</v>
      </c>
      <c r="H49" s="98">
        <v>764</v>
      </c>
      <c r="I49" s="126">
        <v>836</v>
      </c>
      <c r="J49" s="94">
        <v>214</v>
      </c>
      <c r="K49" s="94">
        <v>1079</v>
      </c>
      <c r="L49" s="94">
        <v>301</v>
      </c>
      <c r="M49" s="95">
        <v>783</v>
      </c>
      <c r="N49" s="96">
        <v>175</v>
      </c>
      <c r="O49" s="100">
        <v>0</v>
      </c>
      <c r="P49" s="97">
        <v>49.1</v>
      </c>
    </row>
    <row r="50" spans="2:16" s="11" customFormat="1" ht="11.25" customHeight="1">
      <c r="B50" s="87" t="s">
        <v>196</v>
      </c>
      <c r="C50" s="88" t="s">
        <v>26</v>
      </c>
      <c r="D50" s="89"/>
      <c r="E50" s="90"/>
      <c r="F50" s="98">
        <v>24</v>
      </c>
      <c r="G50" s="126">
        <v>55</v>
      </c>
      <c r="H50" s="98">
        <v>32</v>
      </c>
      <c r="I50" s="126">
        <v>23</v>
      </c>
      <c r="J50" s="94">
        <v>5</v>
      </c>
      <c r="K50" s="94">
        <v>33</v>
      </c>
      <c r="L50" s="94">
        <v>17</v>
      </c>
      <c r="M50" s="95">
        <v>3373</v>
      </c>
      <c r="N50" s="96">
        <v>3352</v>
      </c>
      <c r="O50" s="100">
        <v>0</v>
      </c>
      <c r="P50" s="97">
        <v>6132.7</v>
      </c>
    </row>
    <row r="51" spans="2:16" s="11" customFormat="1" ht="11.25" customHeight="1">
      <c r="B51" s="87"/>
      <c r="C51" s="88" t="s">
        <v>27</v>
      </c>
      <c r="D51" s="89"/>
      <c r="E51" s="90"/>
      <c r="F51" s="98">
        <v>348</v>
      </c>
      <c r="G51" s="126">
        <v>780</v>
      </c>
      <c r="H51" s="98">
        <v>374</v>
      </c>
      <c r="I51" s="98">
        <v>406</v>
      </c>
      <c r="J51" s="123">
        <v>144</v>
      </c>
      <c r="K51" s="94">
        <v>468</v>
      </c>
      <c r="L51" s="94">
        <v>131</v>
      </c>
      <c r="M51" s="95">
        <v>1039</v>
      </c>
      <c r="N51" s="134">
        <v>287</v>
      </c>
      <c r="O51" s="96">
        <v>461</v>
      </c>
      <c r="P51" s="97">
        <v>139.80000000000001</v>
      </c>
    </row>
    <row r="52" spans="2:16" s="11" customFormat="1" ht="11.25" customHeight="1">
      <c r="B52" s="87"/>
      <c r="C52" s="88" t="s">
        <v>28</v>
      </c>
      <c r="D52" s="89"/>
      <c r="E52" s="234"/>
      <c r="F52" s="98">
        <v>327</v>
      </c>
      <c r="G52" s="126">
        <v>775</v>
      </c>
      <c r="H52" s="98">
        <v>377</v>
      </c>
      <c r="I52" s="98">
        <v>398</v>
      </c>
      <c r="J52" s="123">
        <v>104</v>
      </c>
      <c r="K52" s="94">
        <v>532</v>
      </c>
      <c r="L52" s="94">
        <v>135</v>
      </c>
      <c r="M52" s="95">
        <v>903</v>
      </c>
      <c r="N52" s="134">
        <v>620</v>
      </c>
      <c r="O52" s="100">
        <v>0</v>
      </c>
      <c r="P52" s="97">
        <v>117.1</v>
      </c>
    </row>
    <row r="53" spans="2:16" s="11" customFormat="1" ht="11.25" customHeight="1">
      <c r="B53" s="87"/>
      <c r="C53" s="88" t="s">
        <v>29</v>
      </c>
      <c r="D53" s="89"/>
      <c r="E53" s="234"/>
      <c r="F53" s="98">
        <v>1</v>
      </c>
      <c r="G53" s="126">
        <v>108</v>
      </c>
      <c r="H53" s="98">
        <v>22</v>
      </c>
      <c r="I53" s="98">
        <v>86</v>
      </c>
      <c r="J53" s="101" t="s">
        <v>192</v>
      </c>
      <c r="K53" s="94">
        <v>3</v>
      </c>
      <c r="L53" s="94">
        <v>105</v>
      </c>
      <c r="M53" s="95">
        <v>4006</v>
      </c>
      <c r="N53" s="134">
        <v>3898</v>
      </c>
      <c r="O53" s="100">
        <v>0</v>
      </c>
      <c r="P53" s="109">
        <v>3709.3</v>
      </c>
    </row>
    <row r="54" spans="2:16" s="11" customFormat="1" ht="12" customHeight="1">
      <c r="B54" s="87"/>
      <c r="C54" s="88" t="s">
        <v>30</v>
      </c>
      <c r="D54" s="89"/>
      <c r="E54" s="234"/>
      <c r="F54" s="101" t="s">
        <v>192</v>
      </c>
      <c r="G54" s="101" t="s">
        <v>192</v>
      </c>
      <c r="H54" s="101" t="s">
        <v>192</v>
      </c>
      <c r="I54" s="101" t="s">
        <v>192</v>
      </c>
      <c r="J54" s="101" t="s">
        <v>192</v>
      </c>
      <c r="K54" s="101" t="s">
        <v>192</v>
      </c>
      <c r="L54" s="101" t="s">
        <v>192</v>
      </c>
      <c r="M54" s="95">
        <v>1933</v>
      </c>
      <c r="N54" s="134">
        <v>1933</v>
      </c>
      <c r="O54" s="100">
        <v>0</v>
      </c>
      <c r="P54" s="104" t="s">
        <v>96</v>
      </c>
    </row>
    <row r="55" spans="2:16" s="11" customFormat="1" ht="12.75" customHeight="1">
      <c r="B55" s="87"/>
      <c r="C55" s="88" t="s">
        <v>31</v>
      </c>
      <c r="D55" s="89"/>
      <c r="E55" s="234"/>
      <c r="F55" s="101" t="s">
        <v>192</v>
      </c>
      <c r="G55" s="101" t="s">
        <v>192</v>
      </c>
      <c r="H55" s="239" t="s">
        <v>192</v>
      </c>
      <c r="I55" s="101" t="s">
        <v>192</v>
      </c>
      <c r="J55" s="101" t="s">
        <v>192</v>
      </c>
      <c r="K55" s="101" t="s">
        <v>192</v>
      </c>
      <c r="L55" s="101" t="s">
        <v>192</v>
      </c>
      <c r="M55" s="95">
        <v>1360</v>
      </c>
      <c r="N55" s="134">
        <v>1360</v>
      </c>
      <c r="O55" s="100">
        <v>0</v>
      </c>
      <c r="P55" s="104" t="s">
        <v>96</v>
      </c>
    </row>
    <row r="56" spans="2:16" s="11" customFormat="1" ht="12.75" customHeight="1">
      <c r="B56" s="87" t="s">
        <v>197</v>
      </c>
      <c r="C56" s="88" t="s">
        <v>26</v>
      </c>
      <c r="D56" s="89"/>
      <c r="E56" s="234"/>
      <c r="F56" s="101" t="s">
        <v>192</v>
      </c>
      <c r="G56" s="101" t="s">
        <v>192</v>
      </c>
      <c r="H56" s="239" t="s">
        <v>192</v>
      </c>
      <c r="I56" s="101" t="s">
        <v>192</v>
      </c>
      <c r="J56" s="101" t="s">
        <v>192</v>
      </c>
      <c r="K56" s="101" t="s">
        <v>192</v>
      </c>
      <c r="L56" s="101" t="s">
        <v>192</v>
      </c>
      <c r="M56" s="133">
        <v>625</v>
      </c>
      <c r="N56" s="134">
        <v>625</v>
      </c>
      <c r="O56" s="100">
        <v>0</v>
      </c>
      <c r="P56" s="104" t="s">
        <v>96</v>
      </c>
    </row>
    <row r="57" spans="2:16" s="11" customFormat="1" ht="12.75" customHeight="1">
      <c r="B57" s="87"/>
      <c r="C57" s="88" t="s">
        <v>27</v>
      </c>
      <c r="D57" s="89"/>
      <c r="E57" s="234" t="s">
        <v>131</v>
      </c>
      <c r="F57" s="98">
        <v>1</v>
      </c>
      <c r="G57" s="98">
        <v>1</v>
      </c>
      <c r="H57" s="126">
        <v>1</v>
      </c>
      <c r="I57" s="101" t="s">
        <v>192</v>
      </c>
      <c r="J57" s="101" t="s">
        <v>106</v>
      </c>
      <c r="K57" s="101" t="s">
        <v>106</v>
      </c>
      <c r="L57" s="101" t="s">
        <v>106</v>
      </c>
      <c r="M57" s="133">
        <v>619</v>
      </c>
      <c r="N57" s="134">
        <v>618</v>
      </c>
      <c r="O57" s="100">
        <v>0</v>
      </c>
      <c r="P57" s="109">
        <v>61900</v>
      </c>
    </row>
    <row r="58" spans="2:16" s="11" customFormat="1" ht="12.75" customHeight="1">
      <c r="B58" s="87" t="s">
        <v>198</v>
      </c>
      <c r="C58" s="88" t="s">
        <v>26</v>
      </c>
      <c r="D58" s="89"/>
      <c r="E58" s="139"/>
      <c r="F58" s="101" t="s">
        <v>192</v>
      </c>
      <c r="G58" s="101" t="s">
        <v>192</v>
      </c>
      <c r="H58" s="239" t="s">
        <v>192</v>
      </c>
      <c r="I58" s="101" t="s">
        <v>192</v>
      </c>
      <c r="J58" s="101" t="s">
        <v>192</v>
      </c>
      <c r="K58" s="101" t="s">
        <v>192</v>
      </c>
      <c r="L58" s="101" t="s">
        <v>192</v>
      </c>
      <c r="M58" s="125">
        <v>380</v>
      </c>
      <c r="N58" s="100">
        <v>380</v>
      </c>
      <c r="O58" s="100">
        <v>0</v>
      </c>
      <c r="P58" s="104" t="s">
        <v>96</v>
      </c>
    </row>
    <row r="59" spans="2:16" s="11" customFormat="1" ht="12.75" customHeight="1">
      <c r="B59" s="87"/>
      <c r="C59" s="88" t="s">
        <v>27</v>
      </c>
      <c r="D59" s="89"/>
      <c r="E59" s="240"/>
      <c r="F59" s="101" t="s">
        <v>192</v>
      </c>
      <c r="G59" s="101" t="s">
        <v>192</v>
      </c>
      <c r="H59" s="239" t="s">
        <v>192</v>
      </c>
      <c r="I59" s="101" t="s">
        <v>192</v>
      </c>
      <c r="J59" s="101" t="s">
        <v>192</v>
      </c>
      <c r="K59" s="101" t="s">
        <v>192</v>
      </c>
      <c r="L59" s="101" t="s">
        <v>192</v>
      </c>
      <c r="M59" s="133">
        <v>189</v>
      </c>
      <c r="N59" s="134">
        <v>189</v>
      </c>
      <c r="O59" s="100">
        <v>0</v>
      </c>
      <c r="P59" s="104" t="s">
        <v>96</v>
      </c>
    </row>
    <row r="60" spans="2:16" s="11" customFormat="1" ht="12.75" customHeight="1">
      <c r="B60" s="87" t="s">
        <v>199</v>
      </c>
      <c r="C60" s="88" t="s">
        <v>26</v>
      </c>
      <c r="D60" s="89"/>
      <c r="E60" s="240"/>
      <c r="F60" s="101" t="s">
        <v>192</v>
      </c>
      <c r="G60" s="101" t="s">
        <v>192</v>
      </c>
      <c r="H60" s="239" t="s">
        <v>192</v>
      </c>
      <c r="I60" s="101" t="s">
        <v>192</v>
      </c>
      <c r="J60" s="101" t="s">
        <v>192</v>
      </c>
      <c r="K60" s="101" t="s">
        <v>192</v>
      </c>
      <c r="L60" s="101" t="s">
        <v>192</v>
      </c>
      <c r="M60" s="125">
        <v>262</v>
      </c>
      <c r="N60" s="100">
        <v>262</v>
      </c>
      <c r="O60" s="100">
        <v>0</v>
      </c>
      <c r="P60" s="104" t="s">
        <v>96</v>
      </c>
    </row>
    <row r="61" spans="2:16" s="11" customFormat="1" ht="12.75" customHeight="1">
      <c r="B61" s="87"/>
      <c r="C61" s="88" t="s">
        <v>27</v>
      </c>
      <c r="D61" s="89"/>
      <c r="E61" s="234" t="s">
        <v>131</v>
      </c>
      <c r="F61" s="98">
        <v>2</v>
      </c>
      <c r="G61" s="98">
        <v>3</v>
      </c>
      <c r="H61" s="156">
        <v>2</v>
      </c>
      <c r="I61" s="98">
        <v>1</v>
      </c>
      <c r="J61" s="101" t="s">
        <v>106</v>
      </c>
      <c r="K61" s="101" t="s">
        <v>106</v>
      </c>
      <c r="L61" s="101" t="s">
        <v>106</v>
      </c>
      <c r="M61" s="133">
        <v>637</v>
      </c>
      <c r="N61" s="134">
        <v>636</v>
      </c>
      <c r="O61" s="100">
        <v>0</v>
      </c>
      <c r="P61" s="109">
        <v>21233.3</v>
      </c>
    </row>
    <row r="62" spans="2:16" s="11" customFormat="1" ht="12.75" customHeight="1">
      <c r="B62" s="87" t="s">
        <v>200</v>
      </c>
      <c r="C62" s="88" t="s">
        <v>26</v>
      </c>
      <c r="D62" s="89"/>
      <c r="E62" s="139"/>
      <c r="F62" s="101" t="s">
        <v>192</v>
      </c>
      <c r="G62" s="101" t="s">
        <v>192</v>
      </c>
      <c r="H62" s="239" t="s">
        <v>192</v>
      </c>
      <c r="I62" s="101" t="s">
        <v>192</v>
      </c>
      <c r="J62" s="101" t="s">
        <v>192</v>
      </c>
      <c r="K62" s="101" t="s">
        <v>192</v>
      </c>
      <c r="L62" s="101" t="s">
        <v>192</v>
      </c>
      <c r="M62" s="125">
        <v>374</v>
      </c>
      <c r="N62" s="100">
        <v>374</v>
      </c>
      <c r="O62" s="100">
        <v>0</v>
      </c>
      <c r="P62" s="104" t="s">
        <v>96</v>
      </c>
    </row>
    <row r="63" spans="2:16" s="11" customFormat="1" ht="12.75" customHeight="1">
      <c r="B63" s="87"/>
      <c r="C63" s="88" t="s">
        <v>27</v>
      </c>
      <c r="D63" s="89"/>
      <c r="E63" s="124" t="s">
        <v>131</v>
      </c>
      <c r="F63" s="98">
        <v>1</v>
      </c>
      <c r="G63" s="98">
        <v>1</v>
      </c>
      <c r="H63" s="126">
        <v>1</v>
      </c>
      <c r="I63" s="101" t="s">
        <v>192</v>
      </c>
      <c r="J63" s="101" t="s">
        <v>106</v>
      </c>
      <c r="K63" s="101" t="s">
        <v>106</v>
      </c>
      <c r="L63" s="101" t="s">
        <v>106</v>
      </c>
      <c r="M63" s="133">
        <v>6108</v>
      </c>
      <c r="N63" s="134">
        <v>6107</v>
      </c>
      <c r="O63" s="100">
        <v>0</v>
      </c>
      <c r="P63" s="109">
        <v>610800</v>
      </c>
    </row>
    <row r="64" spans="2:16" s="11" customFormat="1" ht="8.25" customHeight="1">
      <c r="B64" s="87"/>
      <c r="C64" s="415" t="s">
        <v>28</v>
      </c>
      <c r="D64" s="89"/>
      <c r="E64" s="426" t="s">
        <v>201</v>
      </c>
      <c r="F64" s="405">
        <v>219</v>
      </c>
      <c r="G64" s="241">
        <v>392</v>
      </c>
      <c r="H64" s="435">
        <v>200</v>
      </c>
      <c r="I64" s="435">
        <v>192</v>
      </c>
      <c r="J64" s="427">
        <v>24</v>
      </c>
      <c r="K64" s="427">
        <v>218</v>
      </c>
      <c r="L64" s="436">
        <v>149</v>
      </c>
      <c r="M64" s="437">
        <v>955</v>
      </c>
      <c r="N64" s="433">
        <v>763</v>
      </c>
      <c r="O64" s="433">
        <v>0</v>
      </c>
      <c r="P64" s="434">
        <v>247.4</v>
      </c>
    </row>
    <row r="65" spans="1:16" s="11" customFormat="1" ht="8.25" customHeight="1">
      <c r="B65" s="87"/>
      <c r="C65" s="415"/>
      <c r="D65" s="89"/>
      <c r="E65" s="426"/>
      <c r="F65" s="405"/>
      <c r="G65" s="244">
        <v>397</v>
      </c>
      <c r="H65" s="435"/>
      <c r="I65" s="435"/>
      <c r="J65" s="427"/>
      <c r="K65" s="427"/>
      <c r="L65" s="436"/>
      <c r="M65" s="437"/>
      <c r="N65" s="433"/>
      <c r="O65" s="433"/>
      <c r="P65" s="434">
        <v>0</v>
      </c>
    </row>
    <row r="66" spans="1:16" s="11" customFormat="1" ht="12.75" customHeight="1">
      <c r="B66" s="87" t="s">
        <v>202</v>
      </c>
      <c r="C66" s="88" t="s">
        <v>26</v>
      </c>
      <c r="D66" s="89"/>
      <c r="E66" s="240"/>
      <c r="F66" s="101" t="s">
        <v>192</v>
      </c>
      <c r="G66" s="101" t="s">
        <v>192</v>
      </c>
      <c r="H66" s="101" t="s">
        <v>192</v>
      </c>
      <c r="I66" s="101" t="s">
        <v>192</v>
      </c>
      <c r="J66" s="101" t="s">
        <v>192</v>
      </c>
      <c r="K66" s="101" t="s">
        <v>192</v>
      </c>
      <c r="L66" s="101" t="s">
        <v>192</v>
      </c>
      <c r="M66" s="133">
        <v>889</v>
      </c>
      <c r="N66" s="134">
        <v>889</v>
      </c>
      <c r="O66" s="100">
        <v>0</v>
      </c>
      <c r="P66" s="104" t="s">
        <v>96</v>
      </c>
    </row>
    <row r="67" spans="1:16" s="11" customFormat="1" ht="12.75" customHeight="1">
      <c r="B67" s="87"/>
      <c r="C67" s="88" t="s">
        <v>27</v>
      </c>
      <c r="D67" s="89"/>
      <c r="E67" s="240"/>
      <c r="F67" s="101" t="s">
        <v>192</v>
      </c>
      <c r="G67" s="101" t="s">
        <v>192</v>
      </c>
      <c r="H67" s="101" t="s">
        <v>192</v>
      </c>
      <c r="I67" s="101" t="s">
        <v>192</v>
      </c>
      <c r="J67" s="101" t="s">
        <v>192</v>
      </c>
      <c r="K67" s="101" t="s">
        <v>192</v>
      </c>
      <c r="L67" s="101" t="s">
        <v>192</v>
      </c>
      <c r="M67" s="125">
        <v>105</v>
      </c>
      <c r="N67" s="100">
        <v>105</v>
      </c>
      <c r="O67" s="100">
        <v>0</v>
      </c>
      <c r="P67" s="104" t="s">
        <v>96</v>
      </c>
    </row>
    <row r="68" spans="1:16" s="11" customFormat="1" ht="11.25" customHeight="1">
      <c r="B68" s="87" t="s">
        <v>203</v>
      </c>
      <c r="C68" s="88" t="s">
        <v>26</v>
      </c>
      <c r="D68" s="89"/>
      <c r="E68" s="240"/>
      <c r="F68" s="101" t="s">
        <v>192</v>
      </c>
      <c r="G68" s="101" t="s">
        <v>192</v>
      </c>
      <c r="H68" s="101" t="s">
        <v>192</v>
      </c>
      <c r="I68" s="101" t="s">
        <v>192</v>
      </c>
      <c r="J68" s="101" t="s">
        <v>192</v>
      </c>
      <c r="K68" s="101" t="s">
        <v>192</v>
      </c>
      <c r="L68" s="101" t="s">
        <v>192</v>
      </c>
      <c r="M68" s="125">
        <v>0</v>
      </c>
      <c r="N68" s="100">
        <v>0</v>
      </c>
      <c r="O68" s="100">
        <v>0</v>
      </c>
      <c r="P68" s="104" t="s">
        <v>96</v>
      </c>
    </row>
    <row r="69" spans="1:16" s="11" customFormat="1" ht="11.25" customHeight="1">
      <c r="B69" s="87"/>
      <c r="C69" s="88" t="s">
        <v>27</v>
      </c>
      <c r="D69" s="233"/>
      <c r="E69" s="240"/>
      <c r="F69" s="101" t="s">
        <v>192</v>
      </c>
      <c r="G69" s="101" t="s">
        <v>192</v>
      </c>
      <c r="H69" s="101" t="s">
        <v>192</v>
      </c>
      <c r="I69" s="101" t="s">
        <v>192</v>
      </c>
      <c r="J69" s="101" t="s">
        <v>192</v>
      </c>
      <c r="K69" s="101" t="s">
        <v>192</v>
      </c>
      <c r="L69" s="101" t="s">
        <v>192</v>
      </c>
      <c r="M69" s="125">
        <v>327</v>
      </c>
      <c r="N69" s="100">
        <v>327</v>
      </c>
      <c r="O69" s="100">
        <v>0</v>
      </c>
      <c r="P69" s="104" t="s">
        <v>96</v>
      </c>
    </row>
    <row r="70" spans="1:16" s="11" customFormat="1" ht="11.25" customHeight="1">
      <c r="B70" s="87" t="s">
        <v>204</v>
      </c>
      <c r="C70" s="88" t="s">
        <v>26</v>
      </c>
      <c r="D70" s="233"/>
      <c r="E70" s="240"/>
      <c r="F70" s="101" t="s">
        <v>192</v>
      </c>
      <c r="G70" s="101" t="s">
        <v>192</v>
      </c>
      <c r="H70" s="101" t="s">
        <v>192</v>
      </c>
      <c r="I70" s="101" t="s">
        <v>192</v>
      </c>
      <c r="J70" s="101" t="s">
        <v>192</v>
      </c>
      <c r="K70" s="101" t="s">
        <v>192</v>
      </c>
      <c r="L70" s="101" t="s">
        <v>192</v>
      </c>
      <c r="M70" s="125">
        <v>21</v>
      </c>
      <c r="N70" s="103">
        <v>21</v>
      </c>
      <c r="O70" s="100">
        <v>0</v>
      </c>
      <c r="P70" s="104" t="s">
        <v>96</v>
      </c>
    </row>
    <row r="71" spans="1:16" s="11" customFormat="1" ht="11.25" customHeight="1">
      <c r="B71" s="87" t="s">
        <v>205</v>
      </c>
      <c r="C71" s="88"/>
      <c r="D71" s="233"/>
      <c r="E71" s="240"/>
      <c r="F71" s="101" t="s">
        <v>192</v>
      </c>
      <c r="G71" s="101" t="s">
        <v>192</v>
      </c>
      <c r="H71" s="101" t="s">
        <v>192</v>
      </c>
      <c r="I71" s="101" t="s">
        <v>192</v>
      </c>
      <c r="J71" s="101" t="s">
        <v>192</v>
      </c>
      <c r="K71" s="101" t="s">
        <v>192</v>
      </c>
      <c r="L71" s="101" t="s">
        <v>192</v>
      </c>
      <c r="M71" s="125">
        <v>0</v>
      </c>
      <c r="N71" s="103">
        <v>0</v>
      </c>
      <c r="O71" s="100">
        <v>0</v>
      </c>
      <c r="P71" s="104" t="s">
        <v>96</v>
      </c>
    </row>
    <row r="72" spans="1:16" s="11" customFormat="1" ht="11.25" customHeight="1">
      <c r="B72" s="87" t="s">
        <v>206</v>
      </c>
      <c r="C72" s="88"/>
      <c r="D72" s="233"/>
      <c r="E72" s="240"/>
      <c r="F72" s="101" t="s">
        <v>192</v>
      </c>
      <c r="G72" s="101" t="s">
        <v>192</v>
      </c>
      <c r="H72" s="101" t="s">
        <v>192</v>
      </c>
      <c r="I72" s="101" t="s">
        <v>192</v>
      </c>
      <c r="J72" s="101" t="s">
        <v>192</v>
      </c>
      <c r="K72" s="101" t="s">
        <v>192</v>
      </c>
      <c r="L72" s="101" t="s">
        <v>192</v>
      </c>
      <c r="M72" s="125">
        <v>0</v>
      </c>
      <c r="N72" s="103">
        <v>0</v>
      </c>
      <c r="O72" s="100">
        <v>0</v>
      </c>
      <c r="P72" s="104" t="s">
        <v>96</v>
      </c>
    </row>
    <row r="73" spans="1:16" s="11" customFormat="1" ht="1.5" customHeight="1">
      <c r="A73" s="66"/>
      <c r="B73" s="245"/>
      <c r="C73" s="112"/>
      <c r="D73" s="112"/>
      <c r="E73" s="246"/>
      <c r="F73" s="247"/>
      <c r="G73" s="248"/>
      <c r="H73" s="249"/>
      <c r="I73" s="249"/>
      <c r="J73" s="250"/>
      <c r="K73" s="251"/>
      <c r="L73" s="251"/>
      <c r="M73" s="252"/>
      <c r="N73" s="253"/>
      <c r="O73" s="254"/>
      <c r="P73" s="251"/>
    </row>
  </sheetData>
  <mergeCells count="33">
    <mergeCell ref="A4:P4"/>
    <mergeCell ref="B6:C7"/>
    <mergeCell ref="F6:F7"/>
    <mergeCell ref="G6:I6"/>
    <mergeCell ref="J6:L6"/>
    <mergeCell ref="M6:O6"/>
    <mergeCell ref="P6:P7"/>
    <mergeCell ref="L29:L30"/>
    <mergeCell ref="M29:M30"/>
    <mergeCell ref="N29:N30"/>
    <mergeCell ref="O29:O30"/>
    <mergeCell ref="B9:C9"/>
    <mergeCell ref="C29:C30"/>
    <mergeCell ref="E29:E30"/>
    <mergeCell ref="F29:F30"/>
    <mergeCell ref="H29:H30"/>
    <mergeCell ref="I29:I30"/>
    <mergeCell ref="N64:N65"/>
    <mergeCell ref="O64:O65"/>
    <mergeCell ref="P64:P65"/>
    <mergeCell ref="A1:D1"/>
    <mergeCell ref="P29:P30"/>
    <mergeCell ref="C64:C65"/>
    <mergeCell ref="E64:E65"/>
    <mergeCell ref="F64:F65"/>
    <mergeCell ref="H64:H65"/>
    <mergeCell ref="I64:I65"/>
    <mergeCell ref="J64:J65"/>
    <mergeCell ref="K64:K65"/>
    <mergeCell ref="L64:L65"/>
    <mergeCell ref="M64:M65"/>
    <mergeCell ref="J29:J30"/>
    <mergeCell ref="K29:K30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11"/>
  <sheetViews>
    <sheetView zoomScaleNormal="100" zoomScaleSheetLayoutView="100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" style="44" bestFit="1" customWidth="1"/>
    <col min="10" max="12" width="9.5" style="44" customWidth="1"/>
    <col min="13" max="13" width="11" style="45" bestFit="1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207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5" customFormat="1" ht="2.25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64" customFormat="1" ht="18.600000000000001" customHeight="1">
      <c r="B9" s="429" t="s">
        <v>92</v>
      </c>
      <c r="C9" s="432"/>
      <c r="D9" s="255"/>
      <c r="E9" s="256"/>
      <c r="F9" s="152">
        <v>40419</v>
      </c>
      <c r="G9" s="152">
        <v>66818</v>
      </c>
      <c r="H9" s="154">
        <v>30956</v>
      </c>
      <c r="I9" s="155">
        <v>35862</v>
      </c>
      <c r="J9" s="83">
        <v>5071</v>
      </c>
      <c r="K9" s="83">
        <v>49479</v>
      </c>
      <c r="L9" s="83">
        <v>12181</v>
      </c>
      <c r="M9" s="84">
        <v>508343</v>
      </c>
      <c r="N9" s="85">
        <v>457700</v>
      </c>
      <c r="O9" s="85">
        <v>19697</v>
      </c>
      <c r="P9" s="86">
        <v>761.8</v>
      </c>
    </row>
    <row r="10" spans="1:16" s="11" customFormat="1" ht="3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15.75" customHeight="1">
      <c r="B11" s="87" t="s">
        <v>208</v>
      </c>
      <c r="C11" s="88" t="s">
        <v>26</v>
      </c>
      <c r="D11" s="257"/>
      <c r="E11" s="108"/>
      <c r="F11" s="98">
        <v>331</v>
      </c>
      <c r="G11" s="126">
        <v>541</v>
      </c>
      <c r="H11" s="98">
        <v>248</v>
      </c>
      <c r="I11" s="126">
        <v>293</v>
      </c>
      <c r="J11" s="94">
        <v>33</v>
      </c>
      <c r="K11" s="94">
        <v>426</v>
      </c>
      <c r="L11" s="94">
        <v>82</v>
      </c>
      <c r="M11" s="95">
        <v>770</v>
      </c>
      <c r="N11" s="96">
        <v>564</v>
      </c>
      <c r="O11" s="100">
        <v>0</v>
      </c>
      <c r="P11" s="97">
        <v>142.30000000000001</v>
      </c>
    </row>
    <row r="12" spans="1:16" s="11" customFormat="1" ht="15.75" customHeight="1">
      <c r="B12" s="87"/>
      <c r="C12" s="88" t="s">
        <v>27</v>
      </c>
      <c r="D12" s="257"/>
      <c r="E12" s="108"/>
      <c r="F12" s="98">
        <v>564</v>
      </c>
      <c r="G12" s="126">
        <v>1018</v>
      </c>
      <c r="H12" s="98">
        <v>486</v>
      </c>
      <c r="I12" s="126">
        <v>532</v>
      </c>
      <c r="J12" s="94">
        <v>104</v>
      </c>
      <c r="K12" s="94">
        <v>753</v>
      </c>
      <c r="L12" s="94">
        <v>161</v>
      </c>
      <c r="M12" s="95">
        <v>1106</v>
      </c>
      <c r="N12" s="96">
        <v>691</v>
      </c>
      <c r="O12" s="100">
        <v>0</v>
      </c>
      <c r="P12" s="97">
        <v>108.6</v>
      </c>
    </row>
    <row r="13" spans="1:16" s="11" customFormat="1" ht="15.75" customHeight="1">
      <c r="B13" s="87" t="s">
        <v>209</v>
      </c>
      <c r="C13" s="88" t="s">
        <v>26</v>
      </c>
      <c r="D13" s="257"/>
      <c r="E13" s="108"/>
      <c r="F13" s="98">
        <v>430</v>
      </c>
      <c r="G13" s="126">
        <v>755</v>
      </c>
      <c r="H13" s="98">
        <v>349</v>
      </c>
      <c r="I13" s="126">
        <v>406</v>
      </c>
      <c r="J13" s="94">
        <v>98</v>
      </c>
      <c r="K13" s="94">
        <v>560</v>
      </c>
      <c r="L13" s="94">
        <v>97</v>
      </c>
      <c r="M13" s="95">
        <v>1110</v>
      </c>
      <c r="N13" s="96">
        <v>724</v>
      </c>
      <c r="O13" s="100">
        <v>0</v>
      </c>
      <c r="P13" s="97">
        <v>147</v>
      </c>
    </row>
    <row r="14" spans="1:16" s="11" customFormat="1" ht="15.75" customHeight="1">
      <c r="B14" s="87"/>
      <c r="C14" s="88" t="s">
        <v>27</v>
      </c>
      <c r="D14" s="257"/>
      <c r="E14" s="108"/>
      <c r="F14" s="98">
        <v>709</v>
      </c>
      <c r="G14" s="126">
        <v>1168</v>
      </c>
      <c r="H14" s="98">
        <v>575</v>
      </c>
      <c r="I14" s="126">
        <v>593</v>
      </c>
      <c r="J14" s="94">
        <v>83</v>
      </c>
      <c r="K14" s="94">
        <v>781</v>
      </c>
      <c r="L14" s="94">
        <v>304</v>
      </c>
      <c r="M14" s="95">
        <v>876</v>
      </c>
      <c r="N14" s="96">
        <v>303</v>
      </c>
      <c r="O14" s="100">
        <v>0</v>
      </c>
      <c r="P14" s="97">
        <v>75</v>
      </c>
    </row>
    <row r="15" spans="1:16" s="11" customFormat="1" ht="15.75" customHeight="1">
      <c r="B15" s="87"/>
      <c r="C15" s="88" t="s">
        <v>28</v>
      </c>
      <c r="D15" s="257"/>
      <c r="E15" s="108"/>
      <c r="F15" s="98">
        <v>281</v>
      </c>
      <c r="G15" s="126">
        <v>677</v>
      </c>
      <c r="H15" s="98">
        <v>317</v>
      </c>
      <c r="I15" s="126">
        <v>360</v>
      </c>
      <c r="J15" s="94">
        <v>93</v>
      </c>
      <c r="K15" s="94">
        <v>431</v>
      </c>
      <c r="L15" s="94">
        <v>153</v>
      </c>
      <c r="M15" s="95">
        <v>724</v>
      </c>
      <c r="N15" s="96">
        <v>271</v>
      </c>
      <c r="O15" s="96">
        <v>192</v>
      </c>
      <c r="P15" s="97">
        <v>106.9</v>
      </c>
    </row>
    <row r="16" spans="1:16" s="11" customFormat="1" ht="15.75" customHeight="1">
      <c r="B16" s="87"/>
      <c r="C16" s="88" t="s">
        <v>29</v>
      </c>
      <c r="D16" s="257"/>
      <c r="E16" s="108"/>
      <c r="F16" s="98">
        <v>164</v>
      </c>
      <c r="G16" s="126">
        <v>364</v>
      </c>
      <c r="H16" s="98">
        <v>170</v>
      </c>
      <c r="I16" s="126">
        <v>194</v>
      </c>
      <c r="J16" s="94">
        <v>68</v>
      </c>
      <c r="K16" s="94">
        <v>249</v>
      </c>
      <c r="L16" s="94">
        <v>47</v>
      </c>
      <c r="M16" s="95">
        <v>224</v>
      </c>
      <c r="N16" s="96">
        <v>94</v>
      </c>
      <c r="O16" s="100">
        <v>0</v>
      </c>
      <c r="P16" s="109">
        <v>61.5</v>
      </c>
    </row>
    <row r="17" spans="2:16" s="11" customFormat="1" ht="15.75" customHeight="1">
      <c r="B17" s="87"/>
      <c r="C17" s="88" t="s">
        <v>30</v>
      </c>
      <c r="D17" s="257"/>
      <c r="E17" s="108"/>
      <c r="F17" s="98">
        <v>185</v>
      </c>
      <c r="G17" s="126">
        <v>309</v>
      </c>
      <c r="H17" s="98">
        <v>141</v>
      </c>
      <c r="I17" s="126">
        <v>168</v>
      </c>
      <c r="J17" s="94">
        <v>23</v>
      </c>
      <c r="K17" s="94">
        <v>223</v>
      </c>
      <c r="L17" s="94">
        <v>63</v>
      </c>
      <c r="M17" s="95">
        <v>826</v>
      </c>
      <c r="N17" s="96">
        <v>690</v>
      </c>
      <c r="O17" s="100">
        <v>0</v>
      </c>
      <c r="P17" s="97">
        <v>267.3</v>
      </c>
    </row>
    <row r="18" spans="2:16" s="11" customFormat="1" ht="15.75" customHeight="1">
      <c r="B18" s="87" t="s">
        <v>210</v>
      </c>
      <c r="C18" s="88" t="s">
        <v>26</v>
      </c>
      <c r="D18" s="257"/>
      <c r="E18" s="108"/>
      <c r="F18" s="98">
        <v>367</v>
      </c>
      <c r="G18" s="126">
        <v>776</v>
      </c>
      <c r="H18" s="98">
        <v>364</v>
      </c>
      <c r="I18" s="126">
        <v>412</v>
      </c>
      <c r="J18" s="94">
        <v>98</v>
      </c>
      <c r="K18" s="94">
        <v>541</v>
      </c>
      <c r="L18" s="94">
        <v>137</v>
      </c>
      <c r="M18" s="95">
        <v>522</v>
      </c>
      <c r="N18" s="96">
        <v>192</v>
      </c>
      <c r="O18" s="100">
        <v>0</v>
      </c>
      <c r="P18" s="97">
        <v>67.3</v>
      </c>
    </row>
    <row r="19" spans="2:16" s="11" customFormat="1" ht="15.75" customHeight="1">
      <c r="B19" s="87"/>
      <c r="C19" s="88" t="s">
        <v>27</v>
      </c>
      <c r="D19" s="257"/>
      <c r="E19" s="108"/>
      <c r="F19" s="98">
        <v>267</v>
      </c>
      <c r="G19" s="126">
        <v>428</v>
      </c>
      <c r="H19" s="98">
        <v>203</v>
      </c>
      <c r="I19" s="126">
        <v>225</v>
      </c>
      <c r="J19" s="94">
        <v>27</v>
      </c>
      <c r="K19" s="94">
        <v>323</v>
      </c>
      <c r="L19" s="94">
        <v>78</v>
      </c>
      <c r="M19" s="95">
        <v>616</v>
      </c>
      <c r="N19" s="96">
        <v>407</v>
      </c>
      <c r="O19" s="100">
        <v>0</v>
      </c>
      <c r="P19" s="97">
        <v>143.9</v>
      </c>
    </row>
    <row r="20" spans="2:16" s="11" customFormat="1" ht="15.75" customHeight="1">
      <c r="B20" s="87" t="s">
        <v>211</v>
      </c>
      <c r="C20" s="88" t="s">
        <v>26</v>
      </c>
      <c r="D20" s="257"/>
      <c r="E20" s="108"/>
      <c r="F20" s="98">
        <v>203</v>
      </c>
      <c r="G20" s="126">
        <v>400</v>
      </c>
      <c r="H20" s="98">
        <v>189</v>
      </c>
      <c r="I20" s="126">
        <v>211</v>
      </c>
      <c r="J20" s="94">
        <v>39</v>
      </c>
      <c r="K20" s="94">
        <v>277</v>
      </c>
      <c r="L20" s="94">
        <v>84</v>
      </c>
      <c r="M20" s="95">
        <v>521</v>
      </c>
      <c r="N20" s="96">
        <v>362</v>
      </c>
      <c r="O20" s="100">
        <v>0</v>
      </c>
      <c r="P20" s="97">
        <v>130.30000000000001</v>
      </c>
    </row>
    <row r="21" spans="2:16" s="11" customFormat="1" ht="15.75" customHeight="1">
      <c r="B21" s="87"/>
      <c r="C21" s="88" t="s">
        <v>27</v>
      </c>
      <c r="D21" s="257"/>
      <c r="E21" s="108"/>
      <c r="F21" s="98">
        <v>447</v>
      </c>
      <c r="G21" s="126">
        <v>669</v>
      </c>
      <c r="H21" s="98">
        <v>303</v>
      </c>
      <c r="I21" s="126">
        <v>366</v>
      </c>
      <c r="J21" s="94">
        <v>35</v>
      </c>
      <c r="K21" s="94">
        <v>504</v>
      </c>
      <c r="L21" s="94">
        <v>130</v>
      </c>
      <c r="M21" s="95">
        <v>1055</v>
      </c>
      <c r="N21" s="96">
        <v>701</v>
      </c>
      <c r="O21" s="96">
        <v>42</v>
      </c>
      <c r="P21" s="97">
        <v>157.69999999999999</v>
      </c>
    </row>
    <row r="22" spans="2:16" s="11" customFormat="1" ht="15.75" customHeight="1">
      <c r="B22" s="87" t="s">
        <v>212</v>
      </c>
      <c r="C22" s="88" t="s">
        <v>26</v>
      </c>
      <c r="D22" s="257"/>
      <c r="E22" s="108"/>
      <c r="F22" s="98">
        <v>61</v>
      </c>
      <c r="G22" s="126">
        <v>144</v>
      </c>
      <c r="H22" s="98">
        <v>64</v>
      </c>
      <c r="I22" s="126">
        <v>80</v>
      </c>
      <c r="J22" s="94">
        <v>19</v>
      </c>
      <c r="K22" s="94">
        <v>96</v>
      </c>
      <c r="L22" s="94">
        <v>29</v>
      </c>
      <c r="M22" s="95">
        <v>461</v>
      </c>
      <c r="N22" s="96">
        <v>426</v>
      </c>
      <c r="O22" s="100">
        <v>0</v>
      </c>
      <c r="P22" s="97">
        <v>320.10000000000002</v>
      </c>
    </row>
    <row r="23" spans="2:16" s="11" customFormat="1" ht="15.75" customHeight="1">
      <c r="B23" s="87"/>
      <c r="C23" s="88" t="s">
        <v>27</v>
      </c>
      <c r="D23" s="257"/>
      <c r="E23" s="108"/>
      <c r="F23" s="98">
        <v>163</v>
      </c>
      <c r="G23" s="126">
        <v>262</v>
      </c>
      <c r="H23" s="98">
        <v>167</v>
      </c>
      <c r="I23" s="126">
        <v>95</v>
      </c>
      <c r="J23" s="94">
        <v>11</v>
      </c>
      <c r="K23" s="94">
        <v>178</v>
      </c>
      <c r="L23" s="94">
        <v>73</v>
      </c>
      <c r="M23" s="95">
        <v>234</v>
      </c>
      <c r="N23" s="96">
        <v>120</v>
      </c>
      <c r="O23" s="100">
        <v>0</v>
      </c>
      <c r="P23" s="97">
        <v>89.3</v>
      </c>
    </row>
    <row r="24" spans="2:16" s="11" customFormat="1" ht="15.75" customHeight="1">
      <c r="B24" s="87" t="s">
        <v>213</v>
      </c>
      <c r="C24" s="88"/>
      <c r="D24" s="257"/>
      <c r="E24" s="108"/>
      <c r="F24" s="98">
        <v>633</v>
      </c>
      <c r="G24" s="123">
        <v>967</v>
      </c>
      <c r="H24" s="98">
        <v>477</v>
      </c>
      <c r="I24" s="123">
        <v>490</v>
      </c>
      <c r="J24" s="94">
        <v>61</v>
      </c>
      <c r="K24" s="94">
        <v>798</v>
      </c>
      <c r="L24" s="94">
        <v>108</v>
      </c>
      <c r="M24" s="95">
        <v>1039</v>
      </c>
      <c r="N24" s="96">
        <v>617</v>
      </c>
      <c r="O24" s="100">
        <v>0</v>
      </c>
      <c r="P24" s="97">
        <v>107.4</v>
      </c>
    </row>
    <row r="25" spans="2:16" s="11" customFormat="1" ht="15.75" customHeight="1">
      <c r="B25" s="87" t="s">
        <v>214</v>
      </c>
      <c r="C25" s="88" t="s">
        <v>26</v>
      </c>
      <c r="D25" s="257"/>
      <c r="E25" s="108"/>
      <c r="F25" s="98">
        <v>579</v>
      </c>
      <c r="G25" s="126">
        <v>1041</v>
      </c>
      <c r="H25" s="98">
        <v>503</v>
      </c>
      <c r="I25" s="126">
        <v>538</v>
      </c>
      <c r="J25" s="94">
        <v>104</v>
      </c>
      <c r="K25" s="94">
        <v>727</v>
      </c>
      <c r="L25" s="94">
        <v>210</v>
      </c>
      <c r="M25" s="95">
        <v>1238</v>
      </c>
      <c r="N25" s="96">
        <v>835</v>
      </c>
      <c r="O25" s="100">
        <v>0</v>
      </c>
      <c r="P25" s="97">
        <v>118.9</v>
      </c>
    </row>
    <row r="26" spans="2:16" s="11" customFormat="1" ht="15.75" customHeight="1">
      <c r="B26" s="87"/>
      <c r="C26" s="88" t="s">
        <v>27</v>
      </c>
      <c r="D26" s="257"/>
      <c r="E26" s="108"/>
      <c r="F26" s="98">
        <v>840</v>
      </c>
      <c r="G26" s="126">
        <v>1471</v>
      </c>
      <c r="H26" s="98">
        <v>653</v>
      </c>
      <c r="I26" s="126">
        <v>818</v>
      </c>
      <c r="J26" s="94">
        <v>148</v>
      </c>
      <c r="K26" s="94">
        <v>1034</v>
      </c>
      <c r="L26" s="94">
        <v>289</v>
      </c>
      <c r="M26" s="95">
        <v>2230</v>
      </c>
      <c r="N26" s="96">
        <v>1049</v>
      </c>
      <c r="O26" s="96">
        <v>496</v>
      </c>
      <c r="P26" s="97">
        <v>151.6</v>
      </c>
    </row>
    <row r="27" spans="2:16" s="11" customFormat="1" ht="15.75" customHeight="1">
      <c r="B27" s="87"/>
      <c r="C27" s="88" t="s">
        <v>28</v>
      </c>
      <c r="D27" s="257"/>
      <c r="E27" s="108"/>
      <c r="F27" s="98">
        <v>362</v>
      </c>
      <c r="G27" s="126">
        <v>717</v>
      </c>
      <c r="H27" s="98">
        <v>330</v>
      </c>
      <c r="I27" s="126">
        <v>387</v>
      </c>
      <c r="J27" s="94">
        <v>91</v>
      </c>
      <c r="K27" s="94">
        <v>507</v>
      </c>
      <c r="L27" s="94">
        <v>119</v>
      </c>
      <c r="M27" s="95">
        <v>1229</v>
      </c>
      <c r="N27" s="96">
        <v>896</v>
      </c>
      <c r="O27" s="100">
        <v>0</v>
      </c>
      <c r="P27" s="97">
        <v>171.4</v>
      </c>
    </row>
    <row r="28" spans="2:16" s="11" customFormat="1" ht="15.75" customHeight="1">
      <c r="B28" s="87" t="s">
        <v>215</v>
      </c>
      <c r="C28" s="88" t="s">
        <v>26</v>
      </c>
      <c r="D28" s="257"/>
      <c r="E28" s="108"/>
      <c r="F28" s="98">
        <v>480</v>
      </c>
      <c r="G28" s="126">
        <v>703</v>
      </c>
      <c r="H28" s="98">
        <v>332</v>
      </c>
      <c r="I28" s="126">
        <v>371</v>
      </c>
      <c r="J28" s="94">
        <v>48</v>
      </c>
      <c r="K28" s="94">
        <v>572</v>
      </c>
      <c r="L28" s="94">
        <v>83</v>
      </c>
      <c r="M28" s="95">
        <v>1284</v>
      </c>
      <c r="N28" s="96">
        <v>868</v>
      </c>
      <c r="O28" s="100">
        <v>0</v>
      </c>
      <c r="P28" s="97">
        <v>182.6</v>
      </c>
    </row>
    <row r="29" spans="2:16" s="11" customFormat="1" ht="15.75" customHeight="1">
      <c r="B29" s="87"/>
      <c r="C29" s="88" t="s">
        <v>27</v>
      </c>
      <c r="D29" s="257"/>
      <c r="E29" s="108"/>
      <c r="F29" s="98">
        <v>520</v>
      </c>
      <c r="G29" s="126">
        <v>695</v>
      </c>
      <c r="H29" s="98">
        <v>323</v>
      </c>
      <c r="I29" s="126">
        <v>372</v>
      </c>
      <c r="J29" s="94">
        <v>27</v>
      </c>
      <c r="K29" s="94">
        <v>576</v>
      </c>
      <c r="L29" s="94">
        <v>92</v>
      </c>
      <c r="M29" s="95">
        <v>691</v>
      </c>
      <c r="N29" s="96">
        <v>222</v>
      </c>
      <c r="O29" s="100">
        <v>0</v>
      </c>
      <c r="P29" s="97">
        <v>99.4</v>
      </c>
    </row>
    <row r="30" spans="2:16" s="11" customFormat="1" ht="15.75" customHeight="1">
      <c r="B30" s="87"/>
      <c r="C30" s="88" t="s">
        <v>28</v>
      </c>
      <c r="D30" s="257"/>
      <c r="E30" s="108"/>
      <c r="F30" s="98">
        <v>1338</v>
      </c>
      <c r="G30" s="126">
        <v>2193</v>
      </c>
      <c r="H30" s="98">
        <v>984</v>
      </c>
      <c r="I30" s="126">
        <v>1209</v>
      </c>
      <c r="J30" s="94">
        <v>144</v>
      </c>
      <c r="K30" s="94">
        <v>1587</v>
      </c>
      <c r="L30" s="94">
        <v>462</v>
      </c>
      <c r="M30" s="95">
        <v>2200</v>
      </c>
      <c r="N30" s="96">
        <v>963</v>
      </c>
      <c r="O30" s="96">
        <v>106</v>
      </c>
      <c r="P30" s="97">
        <v>100.3</v>
      </c>
    </row>
    <row r="31" spans="2:16" s="11" customFormat="1" ht="15.75" customHeight="1">
      <c r="B31" s="87" t="s">
        <v>216</v>
      </c>
      <c r="C31" s="88" t="s">
        <v>26</v>
      </c>
      <c r="D31" s="257"/>
      <c r="E31" s="108"/>
      <c r="F31" s="98">
        <v>1166</v>
      </c>
      <c r="G31" s="126">
        <v>1655</v>
      </c>
      <c r="H31" s="98">
        <v>789</v>
      </c>
      <c r="I31" s="126">
        <v>866</v>
      </c>
      <c r="J31" s="94">
        <v>110</v>
      </c>
      <c r="K31" s="94">
        <v>1354</v>
      </c>
      <c r="L31" s="94">
        <v>191</v>
      </c>
      <c r="M31" s="95">
        <v>8994</v>
      </c>
      <c r="N31" s="96">
        <v>7630</v>
      </c>
      <c r="O31" s="100">
        <v>473</v>
      </c>
      <c r="P31" s="97">
        <v>543.4</v>
      </c>
    </row>
    <row r="32" spans="2:16" s="11" customFormat="1" ht="15.75" customHeight="1">
      <c r="B32" s="87"/>
      <c r="C32" s="88" t="s">
        <v>27</v>
      </c>
      <c r="D32" s="257"/>
      <c r="E32" s="108"/>
      <c r="F32" s="98">
        <v>267</v>
      </c>
      <c r="G32" s="126">
        <v>353</v>
      </c>
      <c r="H32" s="98">
        <v>164</v>
      </c>
      <c r="I32" s="126">
        <v>189</v>
      </c>
      <c r="J32" s="94">
        <v>8</v>
      </c>
      <c r="K32" s="94">
        <v>276</v>
      </c>
      <c r="L32" s="94">
        <v>69</v>
      </c>
      <c r="M32" s="95">
        <v>9624</v>
      </c>
      <c r="N32" s="96">
        <v>9420</v>
      </c>
      <c r="O32" s="100">
        <v>0</v>
      </c>
      <c r="P32" s="97">
        <v>2726.3</v>
      </c>
    </row>
    <row r="33" spans="2:16" s="11" customFormat="1" ht="15.75" customHeight="1">
      <c r="B33" s="87"/>
      <c r="C33" s="88" t="s">
        <v>28</v>
      </c>
      <c r="D33" s="257"/>
      <c r="E33" s="108"/>
      <c r="F33" s="98">
        <v>86</v>
      </c>
      <c r="G33" s="126">
        <v>115</v>
      </c>
      <c r="H33" s="98">
        <v>52</v>
      </c>
      <c r="I33" s="126">
        <v>63</v>
      </c>
      <c r="J33" s="94">
        <v>3</v>
      </c>
      <c r="K33" s="94">
        <v>86</v>
      </c>
      <c r="L33" s="94">
        <v>23</v>
      </c>
      <c r="M33" s="95">
        <v>10232</v>
      </c>
      <c r="N33" s="96">
        <v>10167</v>
      </c>
      <c r="O33" s="100">
        <v>0</v>
      </c>
      <c r="P33" s="97">
        <v>9135.7000000000007</v>
      </c>
    </row>
    <row r="34" spans="2:16" s="11" customFormat="1" ht="15.75" customHeight="1">
      <c r="B34" s="87"/>
      <c r="C34" s="88" t="s">
        <v>29</v>
      </c>
      <c r="D34" s="257"/>
      <c r="E34" s="108"/>
      <c r="F34" s="98">
        <v>73</v>
      </c>
      <c r="G34" s="126">
        <v>129</v>
      </c>
      <c r="H34" s="98">
        <v>59</v>
      </c>
      <c r="I34" s="126">
        <v>70</v>
      </c>
      <c r="J34" s="94">
        <v>9</v>
      </c>
      <c r="K34" s="94">
        <v>81</v>
      </c>
      <c r="L34" s="94">
        <v>39</v>
      </c>
      <c r="M34" s="95">
        <v>11455</v>
      </c>
      <c r="N34" s="96">
        <v>11426</v>
      </c>
      <c r="O34" s="100">
        <v>0</v>
      </c>
      <c r="P34" s="97">
        <v>8879.7999999999993</v>
      </c>
    </row>
    <row r="35" spans="2:16" s="11" customFormat="1" ht="15.75" customHeight="1">
      <c r="B35" s="87" t="s">
        <v>217</v>
      </c>
      <c r="C35" s="88" t="s">
        <v>26</v>
      </c>
      <c r="D35" s="257"/>
      <c r="E35" s="108"/>
      <c r="F35" s="98">
        <v>1414</v>
      </c>
      <c r="G35" s="126">
        <v>1791</v>
      </c>
      <c r="H35" s="98">
        <v>826</v>
      </c>
      <c r="I35" s="126">
        <v>965</v>
      </c>
      <c r="J35" s="94">
        <v>64</v>
      </c>
      <c r="K35" s="94">
        <v>1446</v>
      </c>
      <c r="L35" s="94">
        <v>281</v>
      </c>
      <c r="M35" s="95">
        <v>5089</v>
      </c>
      <c r="N35" s="96">
        <v>3642</v>
      </c>
      <c r="O35" s="96">
        <v>287</v>
      </c>
      <c r="P35" s="97">
        <v>284.10000000000002</v>
      </c>
    </row>
    <row r="36" spans="2:16" s="11" customFormat="1" ht="15.75" customHeight="1">
      <c r="B36" s="87"/>
      <c r="C36" s="88" t="s">
        <v>27</v>
      </c>
      <c r="D36" s="257"/>
      <c r="E36" s="108"/>
      <c r="F36" s="98">
        <v>2692</v>
      </c>
      <c r="G36" s="126">
        <v>3362</v>
      </c>
      <c r="H36" s="98">
        <v>1534</v>
      </c>
      <c r="I36" s="126">
        <v>1828</v>
      </c>
      <c r="J36" s="94">
        <v>111</v>
      </c>
      <c r="K36" s="94">
        <v>2769</v>
      </c>
      <c r="L36" s="94">
        <v>482</v>
      </c>
      <c r="M36" s="95">
        <v>3324</v>
      </c>
      <c r="N36" s="96">
        <v>1122</v>
      </c>
      <c r="O36" s="100">
        <v>0</v>
      </c>
      <c r="P36" s="97">
        <v>98.9</v>
      </c>
    </row>
    <row r="37" spans="2:16" s="11" customFormat="1" ht="15.75" customHeight="1">
      <c r="B37" s="87" t="s">
        <v>218</v>
      </c>
      <c r="C37" s="88" t="s">
        <v>26</v>
      </c>
      <c r="D37" s="257"/>
      <c r="E37" s="108"/>
      <c r="F37" s="98">
        <v>261</v>
      </c>
      <c r="G37" s="126">
        <v>392</v>
      </c>
      <c r="H37" s="98">
        <v>173</v>
      </c>
      <c r="I37" s="126">
        <v>219</v>
      </c>
      <c r="J37" s="94">
        <v>14</v>
      </c>
      <c r="K37" s="94">
        <v>265</v>
      </c>
      <c r="L37" s="94">
        <v>113</v>
      </c>
      <c r="M37" s="95">
        <v>2715</v>
      </c>
      <c r="N37" s="96">
        <v>2524</v>
      </c>
      <c r="O37" s="100">
        <v>0</v>
      </c>
      <c r="P37" s="97">
        <v>692.6</v>
      </c>
    </row>
    <row r="38" spans="2:16" s="11" customFormat="1" ht="15.75" customHeight="1">
      <c r="B38" s="87"/>
      <c r="C38" s="88" t="s">
        <v>27</v>
      </c>
      <c r="D38" s="257"/>
      <c r="E38" s="108"/>
      <c r="F38" s="98">
        <v>24</v>
      </c>
      <c r="G38" s="126">
        <v>44</v>
      </c>
      <c r="H38" s="98">
        <v>16</v>
      </c>
      <c r="I38" s="126">
        <v>28</v>
      </c>
      <c r="J38" s="94" t="s">
        <v>219</v>
      </c>
      <c r="K38" s="94">
        <v>26</v>
      </c>
      <c r="L38" s="94">
        <v>18</v>
      </c>
      <c r="M38" s="95">
        <v>1288</v>
      </c>
      <c r="N38" s="96">
        <v>1278</v>
      </c>
      <c r="O38" s="100">
        <v>0</v>
      </c>
      <c r="P38" s="97">
        <v>2927.3</v>
      </c>
    </row>
    <row r="39" spans="2:16" s="11" customFormat="1" ht="15.75" customHeight="1">
      <c r="B39" s="87" t="s">
        <v>220</v>
      </c>
      <c r="C39" s="88" t="s">
        <v>26</v>
      </c>
      <c r="D39" s="257"/>
      <c r="E39" s="108"/>
      <c r="F39" s="98">
        <v>121</v>
      </c>
      <c r="G39" s="126">
        <v>196</v>
      </c>
      <c r="H39" s="98">
        <v>101</v>
      </c>
      <c r="I39" s="126">
        <v>95</v>
      </c>
      <c r="J39" s="94">
        <v>9</v>
      </c>
      <c r="K39" s="94">
        <v>105</v>
      </c>
      <c r="L39" s="94">
        <v>82</v>
      </c>
      <c r="M39" s="95">
        <v>1417</v>
      </c>
      <c r="N39" s="96">
        <v>1333</v>
      </c>
      <c r="O39" s="100">
        <v>0</v>
      </c>
      <c r="P39" s="97">
        <v>723</v>
      </c>
    </row>
    <row r="40" spans="2:16" s="11" customFormat="1" ht="15.75" customHeight="1">
      <c r="B40" s="87"/>
      <c r="C40" s="88" t="s">
        <v>27</v>
      </c>
      <c r="D40" s="257"/>
      <c r="E40" s="108"/>
      <c r="F40" s="98">
        <v>142</v>
      </c>
      <c r="G40" s="126">
        <v>194</v>
      </c>
      <c r="H40" s="98">
        <v>99</v>
      </c>
      <c r="I40" s="126">
        <v>95</v>
      </c>
      <c r="J40" s="94">
        <v>4</v>
      </c>
      <c r="K40" s="94">
        <v>137</v>
      </c>
      <c r="L40" s="94">
        <v>53</v>
      </c>
      <c r="M40" s="95">
        <v>1892</v>
      </c>
      <c r="N40" s="96">
        <v>1797</v>
      </c>
      <c r="O40" s="100">
        <v>0</v>
      </c>
      <c r="P40" s="97">
        <v>975.3</v>
      </c>
    </row>
    <row r="41" spans="2:16" s="11" customFormat="1" ht="15.75" customHeight="1">
      <c r="B41" s="87" t="s">
        <v>221</v>
      </c>
      <c r="C41" s="88"/>
      <c r="D41" s="257"/>
      <c r="E41" s="108"/>
      <c r="F41" s="98">
        <v>297</v>
      </c>
      <c r="G41" s="126">
        <v>536</v>
      </c>
      <c r="H41" s="98">
        <v>234</v>
      </c>
      <c r="I41" s="126">
        <v>302</v>
      </c>
      <c r="J41" s="94">
        <v>14</v>
      </c>
      <c r="K41" s="94">
        <v>331</v>
      </c>
      <c r="L41" s="94">
        <v>182</v>
      </c>
      <c r="M41" s="95">
        <v>2490</v>
      </c>
      <c r="N41" s="96">
        <v>2296</v>
      </c>
      <c r="O41" s="100">
        <v>0</v>
      </c>
      <c r="P41" s="97">
        <v>472.5</v>
      </c>
    </row>
    <row r="42" spans="2:16" s="11" customFormat="1" ht="15.75" customHeight="1">
      <c r="B42" s="87" t="s">
        <v>222</v>
      </c>
      <c r="C42" s="88" t="s">
        <v>26</v>
      </c>
      <c r="D42" s="257"/>
      <c r="E42" s="108"/>
      <c r="F42" s="98">
        <v>22</v>
      </c>
      <c r="G42" s="126">
        <v>47</v>
      </c>
      <c r="H42" s="98">
        <v>28</v>
      </c>
      <c r="I42" s="126">
        <v>19</v>
      </c>
      <c r="J42" s="94">
        <v>4</v>
      </c>
      <c r="K42" s="94">
        <v>31</v>
      </c>
      <c r="L42" s="94">
        <v>8</v>
      </c>
      <c r="M42" s="95">
        <v>2286</v>
      </c>
      <c r="N42" s="96">
        <v>2279</v>
      </c>
      <c r="O42" s="100">
        <v>0</v>
      </c>
      <c r="P42" s="97">
        <v>5316.3</v>
      </c>
    </row>
    <row r="43" spans="2:16" s="11" customFormat="1" ht="15.75" customHeight="1">
      <c r="B43" s="87"/>
      <c r="C43" s="88" t="s">
        <v>27</v>
      </c>
      <c r="D43" s="257"/>
      <c r="E43" s="108"/>
      <c r="F43" s="98">
        <v>15</v>
      </c>
      <c r="G43" s="126">
        <v>20</v>
      </c>
      <c r="H43" s="98">
        <v>9</v>
      </c>
      <c r="I43" s="126">
        <v>11</v>
      </c>
      <c r="J43" s="101" t="s">
        <v>192</v>
      </c>
      <c r="K43" s="94">
        <v>8</v>
      </c>
      <c r="L43" s="94">
        <v>10</v>
      </c>
      <c r="M43" s="95">
        <v>2057</v>
      </c>
      <c r="N43" s="96">
        <v>2049</v>
      </c>
      <c r="O43" s="100">
        <v>0</v>
      </c>
      <c r="P43" s="97">
        <v>11427.8</v>
      </c>
    </row>
    <row r="44" spans="2:16" s="11" customFormat="1" ht="15.75" customHeight="1">
      <c r="B44" s="87"/>
      <c r="C44" s="88" t="s">
        <v>28</v>
      </c>
      <c r="D44" s="257"/>
      <c r="E44" s="108"/>
      <c r="F44" s="98">
        <v>14</v>
      </c>
      <c r="G44" s="126">
        <v>38</v>
      </c>
      <c r="H44" s="98">
        <v>16</v>
      </c>
      <c r="I44" s="126">
        <v>22</v>
      </c>
      <c r="J44" s="94">
        <v>1</v>
      </c>
      <c r="K44" s="94">
        <v>27</v>
      </c>
      <c r="L44" s="94">
        <v>10</v>
      </c>
      <c r="M44" s="95">
        <v>2732</v>
      </c>
      <c r="N44" s="96">
        <v>2722</v>
      </c>
      <c r="O44" s="100">
        <v>0</v>
      </c>
      <c r="P44" s="97">
        <v>7189.5</v>
      </c>
    </row>
    <row r="45" spans="2:16" s="11" customFormat="1" ht="9" customHeight="1">
      <c r="B45" s="87"/>
      <c r="C45" s="415" t="s">
        <v>29</v>
      </c>
      <c r="D45" s="257"/>
      <c r="E45" s="404" t="s">
        <v>189</v>
      </c>
      <c r="F45" s="405">
        <v>36</v>
      </c>
      <c r="G45" s="126">
        <v>74</v>
      </c>
      <c r="H45" s="405">
        <v>32</v>
      </c>
      <c r="I45" s="405">
        <v>42</v>
      </c>
      <c r="J45" s="427">
        <v>4</v>
      </c>
      <c r="K45" s="427">
        <v>33</v>
      </c>
      <c r="L45" s="428">
        <v>42</v>
      </c>
      <c r="M45" s="437">
        <v>4366</v>
      </c>
      <c r="N45" s="433">
        <v>4350</v>
      </c>
      <c r="O45" s="433">
        <v>0</v>
      </c>
      <c r="P45" s="434">
        <v>5900</v>
      </c>
    </row>
    <row r="46" spans="2:16" s="11" customFormat="1" ht="7.5" customHeight="1">
      <c r="B46" s="87"/>
      <c r="C46" s="415"/>
      <c r="D46" s="257"/>
      <c r="E46" s="404"/>
      <c r="F46" s="405"/>
      <c r="G46" s="237">
        <v>79</v>
      </c>
      <c r="H46" s="405"/>
      <c r="I46" s="405"/>
      <c r="J46" s="427"/>
      <c r="K46" s="427"/>
      <c r="L46" s="428"/>
      <c r="M46" s="437"/>
      <c r="N46" s="433"/>
      <c r="O46" s="433"/>
      <c r="P46" s="434">
        <v>0</v>
      </c>
    </row>
    <row r="47" spans="2:16" s="11" customFormat="1" ht="15.75" customHeight="1">
      <c r="B47" s="87"/>
      <c r="C47" s="88" t="s">
        <v>30</v>
      </c>
      <c r="D47" s="257"/>
      <c r="E47" s="258" t="s">
        <v>190</v>
      </c>
      <c r="F47" s="98">
        <v>3</v>
      </c>
      <c r="G47" s="126">
        <v>5</v>
      </c>
      <c r="H47" s="98">
        <v>1</v>
      </c>
      <c r="I47" s="126">
        <v>4</v>
      </c>
      <c r="J47" s="104" t="s">
        <v>106</v>
      </c>
      <c r="K47" s="104" t="s">
        <v>106</v>
      </c>
      <c r="L47" s="104" t="s">
        <v>106</v>
      </c>
      <c r="M47" s="95">
        <v>6884</v>
      </c>
      <c r="N47" s="96">
        <v>6881</v>
      </c>
      <c r="O47" s="100">
        <v>0</v>
      </c>
      <c r="P47" s="97">
        <v>137680</v>
      </c>
    </row>
    <row r="48" spans="2:16" s="11" customFormat="1" ht="15.75" customHeight="1">
      <c r="B48" s="87" t="s">
        <v>223</v>
      </c>
      <c r="C48" s="88" t="s">
        <v>26</v>
      </c>
      <c r="D48" s="257"/>
      <c r="E48" s="108"/>
      <c r="F48" s="98">
        <v>698</v>
      </c>
      <c r="G48" s="126">
        <v>1098</v>
      </c>
      <c r="H48" s="98">
        <v>510</v>
      </c>
      <c r="I48" s="126">
        <v>588</v>
      </c>
      <c r="J48" s="94">
        <v>40</v>
      </c>
      <c r="K48" s="94">
        <v>753</v>
      </c>
      <c r="L48" s="94">
        <v>303</v>
      </c>
      <c r="M48" s="95">
        <v>2845</v>
      </c>
      <c r="N48" s="96">
        <v>2297</v>
      </c>
      <c r="O48" s="100">
        <v>0</v>
      </c>
      <c r="P48" s="97">
        <v>259.60000000000002</v>
      </c>
    </row>
    <row r="49" spans="1:18" s="11" customFormat="1" ht="15.75" customHeight="1">
      <c r="B49" s="87"/>
      <c r="C49" s="88" t="s">
        <v>27</v>
      </c>
      <c r="D49" s="257"/>
      <c r="E49" s="108"/>
      <c r="F49" s="98">
        <v>965</v>
      </c>
      <c r="G49" s="126">
        <v>1541</v>
      </c>
      <c r="H49" s="98">
        <v>703</v>
      </c>
      <c r="I49" s="126">
        <v>838</v>
      </c>
      <c r="J49" s="94">
        <v>62</v>
      </c>
      <c r="K49" s="94">
        <v>999</v>
      </c>
      <c r="L49" s="94">
        <v>480</v>
      </c>
      <c r="M49" s="95">
        <v>4488</v>
      </c>
      <c r="N49" s="96">
        <v>1992</v>
      </c>
      <c r="O49" s="96">
        <v>1724</v>
      </c>
      <c r="P49" s="97">
        <v>291.2</v>
      </c>
    </row>
    <row r="50" spans="1:18" s="11" customFormat="1" ht="15.75" customHeight="1">
      <c r="B50" s="87" t="s">
        <v>224</v>
      </c>
      <c r="C50" s="88" t="s">
        <v>26</v>
      </c>
      <c r="D50" s="257"/>
      <c r="E50" s="108"/>
      <c r="F50" s="98">
        <v>524</v>
      </c>
      <c r="G50" s="126">
        <v>815</v>
      </c>
      <c r="H50" s="98">
        <v>354</v>
      </c>
      <c r="I50" s="126">
        <v>461</v>
      </c>
      <c r="J50" s="94">
        <v>36</v>
      </c>
      <c r="K50" s="94">
        <v>554</v>
      </c>
      <c r="L50" s="94">
        <v>224</v>
      </c>
      <c r="M50" s="95">
        <v>6534</v>
      </c>
      <c r="N50" s="96">
        <v>6007</v>
      </c>
      <c r="O50" s="96">
        <v>141</v>
      </c>
      <c r="P50" s="97">
        <v>802.7</v>
      </c>
    </row>
    <row r="51" spans="1:18" s="11" customFormat="1" ht="15.75" customHeight="1">
      <c r="B51" s="87"/>
      <c r="C51" s="88" t="s">
        <v>27</v>
      </c>
      <c r="D51" s="257"/>
      <c r="E51" s="108"/>
      <c r="F51" s="98">
        <v>94</v>
      </c>
      <c r="G51" s="126">
        <v>153</v>
      </c>
      <c r="H51" s="98">
        <v>68</v>
      </c>
      <c r="I51" s="98">
        <v>85</v>
      </c>
      <c r="J51" s="123">
        <v>1</v>
      </c>
      <c r="K51" s="94">
        <v>103</v>
      </c>
      <c r="L51" s="94">
        <v>49</v>
      </c>
      <c r="M51" s="95">
        <v>4572</v>
      </c>
      <c r="N51" s="134">
        <v>4517</v>
      </c>
      <c r="O51" s="100">
        <v>0</v>
      </c>
      <c r="P51" s="97">
        <v>2988.2</v>
      </c>
    </row>
    <row r="52" spans="1:18" ht="14.25" customHeight="1">
      <c r="A52" s="140"/>
      <c r="B52" s="87" t="s">
        <v>225</v>
      </c>
      <c r="C52" s="88" t="s">
        <v>26</v>
      </c>
      <c r="D52" s="257"/>
      <c r="E52" s="259"/>
      <c r="F52" s="98">
        <v>43</v>
      </c>
      <c r="G52" s="126">
        <v>82</v>
      </c>
      <c r="H52" s="98">
        <v>33</v>
      </c>
      <c r="I52" s="98">
        <v>49</v>
      </c>
      <c r="J52" s="123">
        <v>2</v>
      </c>
      <c r="K52" s="94">
        <v>45</v>
      </c>
      <c r="L52" s="94">
        <v>35</v>
      </c>
      <c r="M52" s="95">
        <v>3732</v>
      </c>
      <c r="N52" s="134">
        <v>3721</v>
      </c>
      <c r="O52" s="100">
        <v>0</v>
      </c>
      <c r="P52" s="97">
        <v>4551.2</v>
      </c>
    </row>
    <row r="53" spans="1:18" ht="14.25" customHeight="1">
      <c r="A53" s="140"/>
      <c r="B53" s="87"/>
      <c r="C53" s="88" t="s">
        <v>27</v>
      </c>
      <c r="D53" s="257"/>
      <c r="E53" s="259"/>
      <c r="F53" s="98">
        <v>26</v>
      </c>
      <c r="G53" s="126">
        <v>59</v>
      </c>
      <c r="H53" s="98">
        <v>26</v>
      </c>
      <c r="I53" s="98">
        <v>33</v>
      </c>
      <c r="J53" s="101" t="s">
        <v>192</v>
      </c>
      <c r="K53" s="94">
        <v>36</v>
      </c>
      <c r="L53" s="94">
        <v>23</v>
      </c>
      <c r="M53" s="95">
        <v>3243</v>
      </c>
      <c r="N53" s="134">
        <v>3225</v>
      </c>
      <c r="O53" s="100">
        <v>0</v>
      </c>
      <c r="P53" s="97">
        <v>5496.6</v>
      </c>
    </row>
    <row r="54" spans="1:18" ht="14.25" customHeight="1">
      <c r="B54" s="87" t="s">
        <v>226</v>
      </c>
      <c r="C54" s="88" t="s">
        <v>26</v>
      </c>
      <c r="D54" s="257"/>
      <c r="E54" s="259"/>
      <c r="F54" s="98">
        <v>121</v>
      </c>
      <c r="G54" s="126">
        <v>181</v>
      </c>
      <c r="H54" s="98">
        <v>89</v>
      </c>
      <c r="I54" s="98">
        <v>92</v>
      </c>
      <c r="J54" s="123">
        <v>4</v>
      </c>
      <c r="K54" s="94">
        <v>107</v>
      </c>
      <c r="L54" s="94">
        <v>70</v>
      </c>
      <c r="M54" s="95">
        <v>6855</v>
      </c>
      <c r="N54" s="134">
        <v>6774</v>
      </c>
      <c r="O54" s="100">
        <v>0</v>
      </c>
      <c r="P54" s="97">
        <v>3787.3</v>
      </c>
    </row>
    <row r="55" spans="1:18" ht="14.25" customHeight="1">
      <c r="B55" s="87"/>
      <c r="C55" s="88" t="s">
        <v>27</v>
      </c>
      <c r="D55" s="257"/>
      <c r="E55" s="259"/>
      <c r="F55" s="98">
        <v>235</v>
      </c>
      <c r="G55" s="126">
        <v>336</v>
      </c>
      <c r="H55" s="98">
        <v>158</v>
      </c>
      <c r="I55" s="98">
        <v>178</v>
      </c>
      <c r="J55" s="123">
        <v>10</v>
      </c>
      <c r="K55" s="94">
        <v>252</v>
      </c>
      <c r="L55" s="94">
        <v>69</v>
      </c>
      <c r="M55" s="95">
        <v>5218</v>
      </c>
      <c r="N55" s="134">
        <v>5058</v>
      </c>
      <c r="O55" s="100">
        <v>0</v>
      </c>
      <c r="P55" s="97">
        <v>1576.4</v>
      </c>
    </row>
    <row r="56" spans="1:18" ht="14.25" customHeight="1">
      <c r="A56" s="141"/>
      <c r="B56" s="110" t="s">
        <v>227</v>
      </c>
      <c r="C56" s="111"/>
      <c r="D56" s="260"/>
      <c r="E56" s="261"/>
      <c r="F56" s="114">
        <v>91</v>
      </c>
      <c r="G56" s="127">
        <v>119</v>
      </c>
      <c r="H56" s="114">
        <v>55</v>
      </c>
      <c r="I56" s="114">
        <v>64</v>
      </c>
      <c r="J56" s="127">
        <v>1</v>
      </c>
      <c r="K56" s="118">
        <v>85</v>
      </c>
      <c r="L56" s="118">
        <v>31</v>
      </c>
      <c r="M56" s="119">
        <v>1827</v>
      </c>
      <c r="N56" s="128">
        <v>1757</v>
      </c>
      <c r="O56" s="121">
        <v>0</v>
      </c>
      <c r="P56" s="122">
        <v>1561.5</v>
      </c>
    </row>
    <row r="57" spans="1:18" s="11" customFormat="1" ht="15" customHeight="1">
      <c r="B57" s="87" t="s">
        <v>228</v>
      </c>
      <c r="C57" s="88" t="s">
        <v>26</v>
      </c>
      <c r="D57" s="257"/>
      <c r="E57" s="259" t="s">
        <v>131</v>
      </c>
      <c r="F57" s="98">
        <v>4</v>
      </c>
      <c r="G57" s="126">
        <v>7</v>
      </c>
      <c r="H57" s="98">
        <v>3</v>
      </c>
      <c r="I57" s="126">
        <v>4</v>
      </c>
      <c r="J57" s="98" t="s">
        <v>229</v>
      </c>
      <c r="K57" s="98" t="s">
        <v>229</v>
      </c>
      <c r="L57" s="98" t="s">
        <v>229</v>
      </c>
      <c r="M57" s="95">
        <v>6343</v>
      </c>
      <c r="N57" s="96">
        <v>6340</v>
      </c>
      <c r="O57" s="100">
        <v>0</v>
      </c>
      <c r="P57" s="97">
        <v>90614.3</v>
      </c>
      <c r="Q57" s="44"/>
    </row>
    <row r="58" spans="1:18" s="11" customFormat="1" ht="15" customHeight="1">
      <c r="B58" s="87"/>
      <c r="C58" s="88" t="s">
        <v>27</v>
      </c>
      <c r="D58" s="257"/>
      <c r="E58" s="259" t="s">
        <v>131</v>
      </c>
      <c r="F58" s="98">
        <v>21</v>
      </c>
      <c r="G58" s="123">
        <v>27</v>
      </c>
      <c r="H58" s="98">
        <v>22</v>
      </c>
      <c r="I58" s="123">
        <v>5</v>
      </c>
      <c r="J58" s="98" t="s">
        <v>229</v>
      </c>
      <c r="K58" s="98" t="s">
        <v>229</v>
      </c>
      <c r="L58" s="98" t="s">
        <v>229</v>
      </c>
      <c r="M58" s="95">
        <v>8951</v>
      </c>
      <c r="N58" s="96">
        <v>8948</v>
      </c>
      <c r="O58" s="100">
        <v>0</v>
      </c>
      <c r="P58" s="97">
        <v>81372.7</v>
      </c>
      <c r="Q58" s="44"/>
    </row>
    <row r="59" spans="1:18" s="192" customFormat="1" ht="7.5" customHeight="1">
      <c r="B59" s="415" t="s">
        <v>123</v>
      </c>
      <c r="C59" s="440" t="s">
        <v>28</v>
      </c>
      <c r="D59" s="262"/>
      <c r="E59" s="404" t="s">
        <v>201</v>
      </c>
      <c r="F59" s="405">
        <v>19</v>
      </c>
      <c r="G59" s="126">
        <v>43</v>
      </c>
      <c r="H59" s="405">
        <v>22</v>
      </c>
      <c r="I59" s="405">
        <v>21</v>
      </c>
      <c r="J59" s="427">
        <v>4</v>
      </c>
      <c r="K59" s="427">
        <v>43</v>
      </c>
      <c r="L59" s="428">
        <v>18</v>
      </c>
      <c r="M59" s="437">
        <v>6991</v>
      </c>
      <c r="N59" s="433">
        <v>6978</v>
      </c>
      <c r="O59" s="433">
        <v>0</v>
      </c>
      <c r="P59" s="434">
        <v>17051.2</v>
      </c>
      <c r="Q59" s="44"/>
    </row>
    <row r="60" spans="1:18" s="192" customFormat="1" ht="7.5" customHeight="1">
      <c r="B60" s="415"/>
      <c r="C60" s="440"/>
      <c r="D60" s="262"/>
      <c r="E60" s="404"/>
      <c r="F60" s="405"/>
      <c r="G60" s="237">
        <v>85</v>
      </c>
      <c r="H60" s="405"/>
      <c r="I60" s="405"/>
      <c r="J60" s="427"/>
      <c r="K60" s="427"/>
      <c r="L60" s="428"/>
      <c r="M60" s="437"/>
      <c r="N60" s="433"/>
      <c r="O60" s="433"/>
      <c r="P60" s="434">
        <v>0</v>
      </c>
      <c r="Q60" s="44"/>
    </row>
    <row r="61" spans="1:18" s="11" customFormat="1" ht="15" customHeight="1">
      <c r="B61" s="87"/>
      <c r="C61" s="88" t="s">
        <v>29</v>
      </c>
      <c r="D61" s="257"/>
      <c r="E61" s="259" t="s">
        <v>131</v>
      </c>
      <c r="F61" s="98">
        <v>8</v>
      </c>
      <c r="G61" s="126">
        <v>8</v>
      </c>
      <c r="H61" s="98">
        <v>8</v>
      </c>
      <c r="I61" s="101" t="s">
        <v>192</v>
      </c>
      <c r="J61" s="98" t="s">
        <v>229</v>
      </c>
      <c r="K61" s="98" t="s">
        <v>229</v>
      </c>
      <c r="L61" s="98" t="s">
        <v>229</v>
      </c>
      <c r="M61" s="95">
        <v>5419</v>
      </c>
      <c r="N61" s="96">
        <v>5413</v>
      </c>
      <c r="O61" s="100">
        <v>0</v>
      </c>
      <c r="P61" s="97">
        <v>90316.7</v>
      </c>
      <c r="Q61" s="44"/>
    </row>
    <row r="62" spans="1:18" s="192" customFormat="1" ht="7.5" customHeight="1">
      <c r="B62" s="441" t="s">
        <v>230</v>
      </c>
      <c r="C62" s="440" t="s">
        <v>26</v>
      </c>
      <c r="D62" s="262"/>
      <c r="E62" s="404" t="s">
        <v>231</v>
      </c>
      <c r="F62" s="405">
        <v>64</v>
      </c>
      <c r="G62" s="126">
        <v>135</v>
      </c>
      <c r="H62" s="405">
        <v>63</v>
      </c>
      <c r="I62" s="405">
        <v>72</v>
      </c>
      <c r="J62" s="427">
        <v>19</v>
      </c>
      <c r="K62" s="427">
        <v>104</v>
      </c>
      <c r="L62" s="428">
        <v>17</v>
      </c>
      <c r="M62" s="437">
        <v>1094</v>
      </c>
      <c r="N62" s="433">
        <v>948</v>
      </c>
      <c r="O62" s="433">
        <v>98</v>
      </c>
      <c r="P62" s="434">
        <v>810.4</v>
      </c>
      <c r="Q62" s="44"/>
      <c r="R62" s="11"/>
    </row>
    <row r="63" spans="1:18" s="192" customFormat="1" ht="7.5" customHeight="1">
      <c r="B63" s="441"/>
      <c r="C63" s="440"/>
      <c r="D63" s="262"/>
      <c r="E63" s="404"/>
      <c r="F63" s="405"/>
      <c r="G63" s="237">
        <v>140</v>
      </c>
      <c r="H63" s="405"/>
      <c r="I63" s="405"/>
      <c r="J63" s="427"/>
      <c r="K63" s="427"/>
      <c r="L63" s="428"/>
      <c r="M63" s="437"/>
      <c r="N63" s="433"/>
      <c r="O63" s="433"/>
      <c r="P63" s="434">
        <v>0</v>
      </c>
      <c r="Q63" s="44"/>
      <c r="R63" s="11"/>
    </row>
    <row r="64" spans="1:18" s="11" customFormat="1" ht="15" customHeight="1">
      <c r="B64" s="87"/>
      <c r="C64" s="88" t="s">
        <v>27</v>
      </c>
      <c r="D64" s="257"/>
      <c r="E64" s="259" t="s">
        <v>232</v>
      </c>
      <c r="F64" s="98">
        <v>2</v>
      </c>
      <c r="G64" s="126">
        <v>4</v>
      </c>
      <c r="H64" s="98">
        <v>2</v>
      </c>
      <c r="I64" s="126">
        <v>2</v>
      </c>
      <c r="J64" s="98" t="s">
        <v>229</v>
      </c>
      <c r="K64" s="98" t="s">
        <v>229</v>
      </c>
      <c r="L64" s="98" t="s">
        <v>229</v>
      </c>
      <c r="M64" s="95">
        <v>4158</v>
      </c>
      <c r="N64" s="96">
        <v>4158</v>
      </c>
      <c r="O64" s="100">
        <v>0</v>
      </c>
      <c r="P64" s="97">
        <v>103950</v>
      </c>
      <c r="Q64" s="44"/>
      <c r="R64" s="192"/>
    </row>
    <row r="65" spans="2:18" s="11" customFormat="1" ht="15" customHeight="1">
      <c r="B65" s="87"/>
      <c r="C65" s="88" t="s">
        <v>28</v>
      </c>
      <c r="D65" s="257"/>
      <c r="E65" s="259" t="s">
        <v>232</v>
      </c>
      <c r="F65" s="98">
        <v>1</v>
      </c>
      <c r="G65" s="126">
        <v>1</v>
      </c>
      <c r="H65" s="98">
        <v>1</v>
      </c>
      <c r="I65" s="101" t="s">
        <v>192</v>
      </c>
      <c r="J65" s="98" t="s">
        <v>229</v>
      </c>
      <c r="K65" s="98" t="s">
        <v>229</v>
      </c>
      <c r="L65" s="98" t="s">
        <v>229</v>
      </c>
      <c r="M65" s="95">
        <v>2389</v>
      </c>
      <c r="N65" s="96">
        <v>2389</v>
      </c>
      <c r="O65" s="100">
        <v>0</v>
      </c>
      <c r="P65" s="97">
        <v>238900</v>
      </c>
      <c r="Q65" s="44"/>
      <c r="R65" s="192"/>
    </row>
    <row r="66" spans="2:18" s="11" customFormat="1" ht="15" customHeight="1">
      <c r="B66" s="87" t="s">
        <v>123</v>
      </c>
      <c r="C66" s="88" t="s">
        <v>29</v>
      </c>
      <c r="D66" s="257"/>
      <c r="E66" s="263"/>
      <c r="F66" s="101" t="s">
        <v>192</v>
      </c>
      <c r="G66" s="101" t="s">
        <v>192</v>
      </c>
      <c r="H66" s="101" t="s">
        <v>192</v>
      </c>
      <c r="I66" s="101" t="s">
        <v>192</v>
      </c>
      <c r="J66" s="98" t="s">
        <v>96</v>
      </c>
      <c r="K66" s="98" t="s">
        <v>96</v>
      </c>
      <c r="L66" s="94" t="s">
        <v>96</v>
      </c>
      <c r="M66" s="125">
        <v>2352</v>
      </c>
      <c r="N66" s="100">
        <v>2352</v>
      </c>
      <c r="O66" s="100">
        <v>0</v>
      </c>
      <c r="P66" s="109" t="s">
        <v>99</v>
      </c>
      <c r="Q66" s="44"/>
    </row>
    <row r="67" spans="2:18" s="11" customFormat="1" ht="15" customHeight="1">
      <c r="B67" s="87" t="s">
        <v>233</v>
      </c>
      <c r="C67" s="88" t="s">
        <v>26</v>
      </c>
      <c r="D67" s="257"/>
      <c r="E67" s="108"/>
      <c r="F67" s="98">
        <v>52</v>
      </c>
      <c r="G67" s="126">
        <v>65</v>
      </c>
      <c r="H67" s="98">
        <v>36</v>
      </c>
      <c r="I67" s="126">
        <v>29</v>
      </c>
      <c r="J67" s="94">
        <v>2</v>
      </c>
      <c r="K67" s="94">
        <v>52</v>
      </c>
      <c r="L67" s="94">
        <v>11</v>
      </c>
      <c r="M67" s="133">
        <v>2504</v>
      </c>
      <c r="N67" s="96">
        <v>2479</v>
      </c>
      <c r="O67" s="100">
        <v>0</v>
      </c>
      <c r="P67" s="97">
        <v>3852.3</v>
      </c>
      <c r="Q67" s="44"/>
    </row>
    <row r="68" spans="2:18" s="11" customFormat="1" ht="15" customHeight="1">
      <c r="B68" s="87" t="s">
        <v>0</v>
      </c>
      <c r="C68" s="88" t="s">
        <v>27</v>
      </c>
      <c r="D68" s="257"/>
      <c r="E68" s="263"/>
      <c r="F68" s="98">
        <v>10</v>
      </c>
      <c r="G68" s="126">
        <v>13</v>
      </c>
      <c r="H68" s="98">
        <v>9</v>
      </c>
      <c r="I68" s="98">
        <v>4</v>
      </c>
      <c r="J68" s="98">
        <v>1</v>
      </c>
      <c r="K68" s="98">
        <v>9</v>
      </c>
      <c r="L68" s="94">
        <v>3</v>
      </c>
      <c r="M68" s="125">
        <v>3018</v>
      </c>
      <c r="N68" s="100">
        <v>3016</v>
      </c>
      <c r="O68" s="100">
        <v>0</v>
      </c>
      <c r="P68" s="109">
        <v>23215.4</v>
      </c>
      <c r="Q68" s="44"/>
    </row>
    <row r="69" spans="2:18" s="11" customFormat="1" ht="15" customHeight="1">
      <c r="B69" s="87"/>
      <c r="C69" s="88" t="s">
        <v>28</v>
      </c>
      <c r="D69" s="257"/>
      <c r="E69" s="258" t="s">
        <v>234</v>
      </c>
      <c r="F69" s="98">
        <v>3</v>
      </c>
      <c r="G69" s="264">
        <v>4</v>
      </c>
      <c r="H69" s="98">
        <v>1</v>
      </c>
      <c r="I69" s="98">
        <v>3</v>
      </c>
      <c r="J69" s="98" t="s">
        <v>229</v>
      </c>
      <c r="K69" s="98" t="s">
        <v>229</v>
      </c>
      <c r="L69" s="98" t="s">
        <v>229</v>
      </c>
      <c r="M69" s="125">
        <v>3627</v>
      </c>
      <c r="N69" s="100">
        <v>3626</v>
      </c>
      <c r="O69" s="100">
        <v>0</v>
      </c>
      <c r="P69" s="109">
        <v>90675</v>
      </c>
      <c r="Q69" s="44"/>
    </row>
    <row r="70" spans="2:18" s="192" customFormat="1" ht="7.5" customHeight="1">
      <c r="B70" s="415"/>
      <c r="C70" s="440" t="s">
        <v>29</v>
      </c>
      <c r="D70" s="262"/>
      <c r="E70" s="404" t="s">
        <v>235</v>
      </c>
      <c r="F70" s="405">
        <v>5</v>
      </c>
      <c r="G70" s="126">
        <v>8</v>
      </c>
      <c r="H70" s="405">
        <v>3</v>
      </c>
      <c r="I70" s="405">
        <v>5</v>
      </c>
      <c r="J70" s="427">
        <v>1</v>
      </c>
      <c r="K70" s="427">
        <v>4</v>
      </c>
      <c r="L70" s="428">
        <v>7</v>
      </c>
      <c r="M70" s="437">
        <v>6040</v>
      </c>
      <c r="N70" s="433">
        <v>6035</v>
      </c>
      <c r="O70" s="433">
        <v>0</v>
      </c>
      <c r="P70" s="434">
        <v>75500</v>
      </c>
      <c r="Q70" s="44"/>
      <c r="R70" s="11"/>
    </row>
    <row r="71" spans="2:18" s="192" customFormat="1" ht="7.5" customHeight="1">
      <c r="B71" s="415"/>
      <c r="C71" s="440"/>
      <c r="D71" s="262"/>
      <c r="E71" s="404"/>
      <c r="F71" s="405"/>
      <c r="G71" s="237">
        <v>12</v>
      </c>
      <c r="H71" s="405"/>
      <c r="I71" s="405"/>
      <c r="J71" s="427"/>
      <c r="K71" s="427"/>
      <c r="L71" s="428"/>
      <c r="M71" s="437"/>
      <c r="N71" s="433"/>
      <c r="O71" s="433"/>
      <c r="P71" s="434">
        <v>0</v>
      </c>
      <c r="Q71" s="44"/>
      <c r="R71" s="11"/>
    </row>
    <row r="72" spans="2:18" s="11" customFormat="1" ht="15" customHeight="1">
      <c r="B72" s="87" t="s">
        <v>236</v>
      </c>
      <c r="C72" s="88" t="s">
        <v>26</v>
      </c>
      <c r="D72" s="257"/>
      <c r="E72" s="108"/>
      <c r="F72" s="101" t="s">
        <v>192</v>
      </c>
      <c r="G72" s="101" t="s">
        <v>192</v>
      </c>
      <c r="H72" s="101" t="s">
        <v>192</v>
      </c>
      <c r="I72" s="101" t="s">
        <v>192</v>
      </c>
      <c r="J72" s="98" t="s">
        <v>96</v>
      </c>
      <c r="K72" s="98" t="s">
        <v>96</v>
      </c>
      <c r="L72" s="94" t="s">
        <v>96</v>
      </c>
      <c r="M72" s="125">
        <v>0</v>
      </c>
      <c r="N72" s="103">
        <v>0</v>
      </c>
      <c r="O72" s="100">
        <v>0</v>
      </c>
      <c r="P72" s="104" t="s">
        <v>99</v>
      </c>
      <c r="Q72" s="44"/>
    </row>
    <row r="73" spans="2:18" s="11" customFormat="1" ht="8.25" customHeight="1">
      <c r="B73" s="415"/>
      <c r="C73" s="415" t="s">
        <v>27</v>
      </c>
      <c r="D73" s="257"/>
      <c r="E73" s="404" t="s">
        <v>237</v>
      </c>
      <c r="F73" s="405">
        <v>6</v>
      </c>
      <c r="G73" s="126">
        <v>10</v>
      </c>
      <c r="H73" s="405">
        <v>4</v>
      </c>
      <c r="I73" s="405">
        <v>6</v>
      </c>
      <c r="J73" s="427" t="s">
        <v>96</v>
      </c>
      <c r="K73" s="427">
        <v>3</v>
      </c>
      <c r="L73" s="443">
        <v>11</v>
      </c>
      <c r="M73" s="437">
        <v>2088</v>
      </c>
      <c r="N73" s="433">
        <v>2084</v>
      </c>
      <c r="O73" s="433">
        <v>0</v>
      </c>
      <c r="P73" s="434">
        <v>20880</v>
      </c>
      <c r="Q73" s="44"/>
      <c r="R73" s="192"/>
    </row>
    <row r="74" spans="2:18" s="11" customFormat="1" ht="8.25" customHeight="1">
      <c r="B74" s="415"/>
      <c r="C74" s="415"/>
      <c r="D74" s="257"/>
      <c r="E74" s="404"/>
      <c r="F74" s="405"/>
      <c r="G74" s="265">
        <v>14</v>
      </c>
      <c r="H74" s="405"/>
      <c r="I74" s="405"/>
      <c r="J74" s="427"/>
      <c r="K74" s="427"/>
      <c r="L74" s="443"/>
      <c r="M74" s="437"/>
      <c r="N74" s="433"/>
      <c r="O74" s="433"/>
      <c r="P74" s="434">
        <v>0</v>
      </c>
      <c r="Q74" s="44"/>
      <c r="R74" s="192"/>
    </row>
    <row r="75" spans="2:18" s="11" customFormat="1" ht="15" customHeight="1">
      <c r="B75" s="87" t="s">
        <v>123</v>
      </c>
      <c r="C75" s="88" t="s">
        <v>28</v>
      </c>
      <c r="D75" s="257"/>
      <c r="E75" s="108"/>
      <c r="F75" s="101" t="s">
        <v>192</v>
      </c>
      <c r="G75" s="101" t="s">
        <v>192</v>
      </c>
      <c r="H75" s="101" t="s">
        <v>192</v>
      </c>
      <c r="I75" s="101" t="s">
        <v>192</v>
      </c>
      <c r="J75" s="98" t="s">
        <v>96</v>
      </c>
      <c r="K75" s="98" t="s">
        <v>96</v>
      </c>
      <c r="L75" s="94" t="s">
        <v>96</v>
      </c>
      <c r="M75" s="95">
        <v>2181</v>
      </c>
      <c r="N75" s="96">
        <v>2181</v>
      </c>
      <c r="O75" s="100">
        <v>0</v>
      </c>
      <c r="P75" s="109" t="s">
        <v>99</v>
      </c>
      <c r="Q75" s="44"/>
    </row>
    <row r="76" spans="2:18" s="11" customFormat="1" ht="15" customHeight="1">
      <c r="B76" s="87"/>
      <c r="C76" s="88" t="s">
        <v>29</v>
      </c>
      <c r="D76" s="257"/>
      <c r="E76" s="259" t="s">
        <v>238</v>
      </c>
      <c r="F76" s="98">
        <v>2</v>
      </c>
      <c r="G76" s="126">
        <v>4</v>
      </c>
      <c r="H76" s="98">
        <v>2</v>
      </c>
      <c r="I76" s="126">
        <v>2</v>
      </c>
      <c r="J76" s="98" t="s">
        <v>229</v>
      </c>
      <c r="K76" s="98" t="s">
        <v>229</v>
      </c>
      <c r="L76" s="98" t="s">
        <v>229</v>
      </c>
      <c r="M76" s="95">
        <v>3026</v>
      </c>
      <c r="N76" s="96">
        <v>3026</v>
      </c>
      <c r="O76" s="100">
        <v>0</v>
      </c>
      <c r="P76" s="97">
        <v>75650</v>
      </c>
      <c r="Q76" s="44"/>
    </row>
    <row r="77" spans="2:18" s="11" customFormat="1" ht="7.5" customHeight="1">
      <c r="B77" s="441" t="s">
        <v>239</v>
      </c>
      <c r="C77" s="415" t="s">
        <v>26</v>
      </c>
      <c r="D77" s="257"/>
      <c r="E77" s="404" t="s">
        <v>240</v>
      </c>
      <c r="F77" s="405">
        <v>4</v>
      </c>
      <c r="G77" s="126">
        <v>13</v>
      </c>
      <c r="H77" s="405">
        <v>4</v>
      </c>
      <c r="I77" s="405">
        <v>9</v>
      </c>
      <c r="J77" s="427">
        <v>1</v>
      </c>
      <c r="K77" s="427">
        <v>15</v>
      </c>
      <c r="L77" s="428">
        <v>9</v>
      </c>
      <c r="M77" s="425">
        <v>2218</v>
      </c>
      <c r="N77" s="416">
        <v>2214</v>
      </c>
      <c r="O77" s="416">
        <v>0</v>
      </c>
      <c r="P77" s="434">
        <v>17061.5</v>
      </c>
      <c r="Q77" s="44"/>
    </row>
    <row r="78" spans="2:18" s="11" customFormat="1" ht="7.5" customHeight="1">
      <c r="B78" s="441"/>
      <c r="C78" s="415"/>
      <c r="D78" s="257"/>
      <c r="E78" s="404"/>
      <c r="F78" s="405"/>
      <c r="G78" s="237">
        <v>25</v>
      </c>
      <c r="H78" s="405"/>
      <c r="I78" s="405"/>
      <c r="J78" s="427"/>
      <c r="K78" s="427"/>
      <c r="L78" s="428"/>
      <c r="M78" s="425"/>
      <c r="N78" s="416"/>
      <c r="O78" s="416"/>
      <c r="P78" s="434">
        <v>0</v>
      </c>
      <c r="Q78" s="44"/>
    </row>
    <row r="79" spans="2:18" s="11" customFormat="1" ht="15.75" customHeight="1">
      <c r="B79" s="87" t="s">
        <v>123</v>
      </c>
      <c r="C79" s="88" t="s">
        <v>27</v>
      </c>
      <c r="D79" s="257"/>
      <c r="E79" s="259" t="s">
        <v>241</v>
      </c>
      <c r="F79" s="98">
        <v>2</v>
      </c>
      <c r="G79" s="126">
        <v>4</v>
      </c>
      <c r="H79" s="98">
        <v>2</v>
      </c>
      <c r="I79" s="126">
        <v>2</v>
      </c>
      <c r="J79" s="98" t="s">
        <v>229</v>
      </c>
      <c r="K79" s="98" t="s">
        <v>229</v>
      </c>
      <c r="L79" s="98" t="s">
        <v>229</v>
      </c>
      <c r="M79" s="95">
        <v>3793</v>
      </c>
      <c r="N79" s="96">
        <v>3790</v>
      </c>
      <c r="O79" s="100">
        <v>0</v>
      </c>
      <c r="P79" s="97">
        <v>94825</v>
      </c>
      <c r="Q79" s="44"/>
    </row>
    <row r="80" spans="2:18" s="11" customFormat="1" ht="15.75" customHeight="1">
      <c r="B80" s="87"/>
      <c r="C80" s="88" t="s">
        <v>28</v>
      </c>
      <c r="D80" s="257"/>
      <c r="E80" s="259" t="s">
        <v>241</v>
      </c>
      <c r="F80" s="98">
        <v>4</v>
      </c>
      <c r="G80" s="126">
        <v>8</v>
      </c>
      <c r="H80" s="98">
        <v>4</v>
      </c>
      <c r="I80" s="126">
        <v>4</v>
      </c>
      <c r="J80" s="98" t="s">
        <v>229</v>
      </c>
      <c r="K80" s="98" t="s">
        <v>229</v>
      </c>
      <c r="L80" s="98" t="s">
        <v>229</v>
      </c>
      <c r="M80" s="95">
        <v>2942</v>
      </c>
      <c r="N80" s="96">
        <v>2942</v>
      </c>
      <c r="O80" s="100">
        <v>0</v>
      </c>
      <c r="P80" s="97">
        <v>36775</v>
      </c>
      <c r="Q80" s="44"/>
    </row>
    <row r="81" spans="2:17" s="11" customFormat="1" ht="15.75" customHeight="1">
      <c r="B81" s="87"/>
      <c r="C81" s="88" t="s">
        <v>29</v>
      </c>
      <c r="D81" s="257"/>
      <c r="E81" s="108"/>
      <c r="F81" s="98">
        <v>10</v>
      </c>
      <c r="G81" s="126">
        <v>16</v>
      </c>
      <c r="H81" s="98">
        <v>7</v>
      </c>
      <c r="I81" s="126">
        <v>9</v>
      </c>
      <c r="J81" s="101" t="s">
        <v>96</v>
      </c>
      <c r="K81" s="94">
        <v>8</v>
      </c>
      <c r="L81" s="94">
        <v>8</v>
      </c>
      <c r="M81" s="95">
        <v>1929</v>
      </c>
      <c r="N81" s="96">
        <v>1924</v>
      </c>
      <c r="O81" s="100">
        <v>0</v>
      </c>
      <c r="P81" s="97">
        <v>12056.3</v>
      </c>
      <c r="Q81" s="44"/>
    </row>
    <row r="82" spans="2:17" s="11" customFormat="1" ht="15.75" customHeight="1">
      <c r="B82" s="87" t="s">
        <v>242</v>
      </c>
      <c r="C82" s="88" t="s">
        <v>26</v>
      </c>
      <c r="D82" s="257"/>
      <c r="E82" s="108"/>
      <c r="F82" s="98">
        <v>43</v>
      </c>
      <c r="G82" s="126">
        <v>70</v>
      </c>
      <c r="H82" s="98">
        <v>32</v>
      </c>
      <c r="I82" s="126">
        <v>38</v>
      </c>
      <c r="J82" s="94">
        <v>7</v>
      </c>
      <c r="K82" s="94">
        <v>44</v>
      </c>
      <c r="L82" s="94">
        <v>19</v>
      </c>
      <c r="M82" s="95">
        <v>3068</v>
      </c>
      <c r="N82" s="96">
        <v>3038</v>
      </c>
      <c r="O82" s="100">
        <v>0</v>
      </c>
      <c r="P82" s="97">
        <v>4382.8999999999996</v>
      </c>
      <c r="Q82" s="44"/>
    </row>
    <row r="83" spans="2:17" s="11" customFormat="1" ht="15.75" customHeight="1">
      <c r="B83" s="87"/>
      <c r="C83" s="88" t="s">
        <v>27</v>
      </c>
      <c r="D83" s="257"/>
      <c r="E83" s="108"/>
      <c r="F83" s="98">
        <v>7</v>
      </c>
      <c r="G83" s="126">
        <v>14</v>
      </c>
      <c r="H83" s="98">
        <v>5</v>
      </c>
      <c r="I83" s="126">
        <v>9</v>
      </c>
      <c r="J83" s="98" t="s">
        <v>96</v>
      </c>
      <c r="K83" s="94">
        <v>8</v>
      </c>
      <c r="L83" s="94">
        <v>6</v>
      </c>
      <c r="M83" s="95">
        <v>3891</v>
      </c>
      <c r="N83" s="96">
        <v>3891</v>
      </c>
      <c r="O83" s="100">
        <v>0</v>
      </c>
      <c r="P83" s="97">
        <v>27792.9</v>
      </c>
      <c r="Q83" s="44"/>
    </row>
    <row r="84" spans="2:17" s="11" customFormat="1" ht="15.75" customHeight="1">
      <c r="B84" s="87"/>
      <c r="C84" s="88" t="s">
        <v>28</v>
      </c>
      <c r="D84" s="257"/>
      <c r="E84" s="108"/>
      <c r="F84" s="98">
        <v>22</v>
      </c>
      <c r="G84" s="126">
        <v>48</v>
      </c>
      <c r="H84" s="98">
        <v>22</v>
      </c>
      <c r="I84" s="126">
        <v>26</v>
      </c>
      <c r="J84" s="94">
        <v>4</v>
      </c>
      <c r="K84" s="94">
        <v>30</v>
      </c>
      <c r="L84" s="94">
        <v>14</v>
      </c>
      <c r="M84" s="95">
        <v>1714</v>
      </c>
      <c r="N84" s="96">
        <v>1699</v>
      </c>
      <c r="O84" s="100">
        <v>0</v>
      </c>
      <c r="P84" s="97">
        <v>3570.8</v>
      </c>
      <c r="Q84" s="44"/>
    </row>
    <row r="85" spans="2:17" s="11" customFormat="1" ht="15.75" customHeight="1">
      <c r="B85" s="87"/>
      <c r="C85" s="88" t="s">
        <v>29</v>
      </c>
      <c r="D85" s="257"/>
      <c r="E85" s="108"/>
      <c r="F85" s="98">
        <v>40</v>
      </c>
      <c r="G85" s="126">
        <v>60</v>
      </c>
      <c r="H85" s="98">
        <v>33</v>
      </c>
      <c r="I85" s="126">
        <v>27</v>
      </c>
      <c r="J85" s="94">
        <v>1</v>
      </c>
      <c r="K85" s="94">
        <v>39</v>
      </c>
      <c r="L85" s="94">
        <v>20</v>
      </c>
      <c r="M85" s="95">
        <v>2205</v>
      </c>
      <c r="N85" s="96">
        <v>2169</v>
      </c>
      <c r="O85" s="100">
        <v>0</v>
      </c>
      <c r="P85" s="97">
        <v>3675</v>
      </c>
      <c r="Q85" s="44"/>
    </row>
    <row r="86" spans="2:17" s="11" customFormat="1" ht="15.75" customHeight="1">
      <c r="B86" s="87" t="s">
        <v>243</v>
      </c>
      <c r="C86" s="88" t="s">
        <v>26</v>
      </c>
      <c r="D86" s="257"/>
      <c r="E86" s="108"/>
      <c r="F86" s="98">
        <v>56</v>
      </c>
      <c r="G86" s="126">
        <v>88</v>
      </c>
      <c r="H86" s="98">
        <v>35</v>
      </c>
      <c r="I86" s="126">
        <v>53</v>
      </c>
      <c r="J86" s="94">
        <v>7</v>
      </c>
      <c r="K86" s="94">
        <v>66</v>
      </c>
      <c r="L86" s="94">
        <v>15</v>
      </c>
      <c r="M86" s="95">
        <v>1643</v>
      </c>
      <c r="N86" s="96">
        <v>1612</v>
      </c>
      <c r="O86" s="100">
        <v>0</v>
      </c>
      <c r="P86" s="97">
        <v>1867</v>
      </c>
      <c r="Q86" s="44"/>
    </row>
    <row r="87" spans="2:17" s="11" customFormat="1" ht="15.75" customHeight="1">
      <c r="B87" s="87"/>
      <c r="C87" s="88" t="s">
        <v>27</v>
      </c>
      <c r="D87" s="257"/>
      <c r="E87" s="108"/>
      <c r="F87" s="98">
        <v>70</v>
      </c>
      <c r="G87" s="126">
        <v>112</v>
      </c>
      <c r="H87" s="98">
        <v>51</v>
      </c>
      <c r="I87" s="126">
        <v>61</v>
      </c>
      <c r="J87" s="94">
        <v>10</v>
      </c>
      <c r="K87" s="94">
        <v>83</v>
      </c>
      <c r="L87" s="94">
        <v>19</v>
      </c>
      <c r="M87" s="95">
        <v>2235</v>
      </c>
      <c r="N87" s="96">
        <v>2179</v>
      </c>
      <c r="O87" s="100">
        <v>0</v>
      </c>
      <c r="P87" s="97">
        <v>1995.5</v>
      </c>
      <c r="Q87" s="44"/>
    </row>
    <row r="88" spans="2:17" s="11" customFormat="1" ht="7.5" customHeight="1">
      <c r="B88" s="415"/>
      <c r="C88" s="415" t="s">
        <v>28</v>
      </c>
      <c r="D88" s="257"/>
      <c r="E88" s="404" t="s">
        <v>244</v>
      </c>
      <c r="F88" s="405">
        <v>5</v>
      </c>
      <c r="G88" s="126">
        <v>7</v>
      </c>
      <c r="H88" s="405">
        <v>3</v>
      </c>
      <c r="I88" s="405">
        <v>4</v>
      </c>
      <c r="J88" s="427">
        <v>1</v>
      </c>
      <c r="K88" s="427">
        <v>14</v>
      </c>
      <c r="L88" s="428">
        <v>7</v>
      </c>
      <c r="M88" s="425">
        <v>4441</v>
      </c>
      <c r="N88" s="416">
        <v>4438</v>
      </c>
      <c r="O88" s="416">
        <v>0</v>
      </c>
      <c r="P88" s="434">
        <v>63442.9</v>
      </c>
      <c r="Q88" s="44"/>
    </row>
    <row r="89" spans="2:17" s="11" customFormat="1" ht="7.5" customHeight="1">
      <c r="B89" s="415"/>
      <c r="C89" s="415"/>
      <c r="D89" s="257"/>
      <c r="E89" s="404"/>
      <c r="F89" s="405"/>
      <c r="G89" s="237">
        <v>22</v>
      </c>
      <c r="H89" s="405"/>
      <c r="I89" s="405"/>
      <c r="J89" s="427"/>
      <c r="K89" s="427"/>
      <c r="L89" s="428"/>
      <c r="M89" s="425"/>
      <c r="N89" s="416"/>
      <c r="O89" s="416"/>
      <c r="P89" s="434">
        <v>0</v>
      </c>
      <c r="Q89" s="44"/>
    </row>
    <row r="90" spans="2:17" s="11" customFormat="1" ht="15.75" customHeight="1">
      <c r="B90" s="87"/>
      <c r="C90" s="88" t="s">
        <v>29</v>
      </c>
      <c r="D90" s="257"/>
      <c r="E90" s="258" t="s">
        <v>245</v>
      </c>
      <c r="F90" s="98">
        <v>4</v>
      </c>
      <c r="G90" s="126">
        <v>15</v>
      </c>
      <c r="H90" s="98">
        <v>6</v>
      </c>
      <c r="I90" s="126">
        <v>9</v>
      </c>
      <c r="J90" s="94" t="s">
        <v>246</v>
      </c>
      <c r="K90" s="94" t="s">
        <v>246</v>
      </c>
      <c r="L90" s="94" t="s">
        <v>246</v>
      </c>
      <c r="M90" s="95">
        <v>1925</v>
      </c>
      <c r="N90" s="96">
        <v>1921</v>
      </c>
      <c r="O90" s="100">
        <v>0</v>
      </c>
      <c r="P90" s="97">
        <v>12833.3</v>
      </c>
      <c r="Q90" s="44"/>
    </row>
    <row r="91" spans="2:17" s="11" customFormat="1" ht="14.25" customHeight="1">
      <c r="B91" s="87" t="s">
        <v>247</v>
      </c>
      <c r="C91" s="88" t="s">
        <v>26</v>
      </c>
      <c r="D91" s="257"/>
      <c r="E91" s="266"/>
      <c r="F91" s="98">
        <v>489</v>
      </c>
      <c r="G91" s="126">
        <v>714</v>
      </c>
      <c r="H91" s="98">
        <v>352</v>
      </c>
      <c r="I91" s="126">
        <v>362</v>
      </c>
      <c r="J91" s="94">
        <v>31</v>
      </c>
      <c r="K91" s="94">
        <v>615</v>
      </c>
      <c r="L91" s="94">
        <v>68</v>
      </c>
      <c r="M91" s="95">
        <v>2395</v>
      </c>
      <c r="N91" s="96">
        <v>2087</v>
      </c>
      <c r="O91" s="100">
        <v>0</v>
      </c>
      <c r="P91" s="97">
        <v>335.4</v>
      </c>
      <c r="Q91" s="44"/>
    </row>
    <row r="92" spans="2:17" s="11" customFormat="1" ht="7.5" customHeight="1">
      <c r="B92" s="440"/>
      <c r="C92" s="440" t="s">
        <v>27</v>
      </c>
      <c r="D92" s="257"/>
      <c r="E92" s="404" t="s">
        <v>248</v>
      </c>
      <c r="F92" s="405">
        <v>4</v>
      </c>
      <c r="G92" s="126">
        <v>14</v>
      </c>
      <c r="H92" s="405">
        <v>6</v>
      </c>
      <c r="I92" s="405">
        <v>8</v>
      </c>
      <c r="J92" s="427" t="s">
        <v>96</v>
      </c>
      <c r="K92" s="427">
        <v>16</v>
      </c>
      <c r="L92" s="428">
        <v>10</v>
      </c>
      <c r="M92" s="437">
        <v>6571</v>
      </c>
      <c r="N92" s="433">
        <v>6567</v>
      </c>
      <c r="O92" s="433">
        <v>0</v>
      </c>
      <c r="P92" s="434">
        <v>46935.7</v>
      </c>
      <c r="Q92" s="44"/>
    </row>
    <row r="93" spans="2:17" s="11" customFormat="1" ht="7.5" customHeight="1">
      <c r="B93" s="440"/>
      <c r="C93" s="440"/>
      <c r="D93" s="257"/>
      <c r="E93" s="404"/>
      <c r="F93" s="405"/>
      <c r="G93" s="237">
        <v>26</v>
      </c>
      <c r="H93" s="405"/>
      <c r="I93" s="405"/>
      <c r="J93" s="427"/>
      <c r="K93" s="427"/>
      <c r="L93" s="428"/>
      <c r="M93" s="437"/>
      <c r="N93" s="433"/>
      <c r="O93" s="433"/>
      <c r="P93" s="434">
        <v>0</v>
      </c>
      <c r="Q93" s="44"/>
    </row>
    <row r="94" spans="2:17" s="11" customFormat="1" ht="14.25" customHeight="1">
      <c r="B94" s="87"/>
      <c r="C94" s="88" t="s">
        <v>28</v>
      </c>
      <c r="D94" s="257"/>
      <c r="E94" s="258" t="s">
        <v>249</v>
      </c>
      <c r="F94" s="98">
        <v>4</v>
      </c>
      <c r="G94" s="123">
        <v>12</v>
      </c>
      <c r="H94" s="98">
        <v>5</v>
      </c>
      <c r="I94" s="123">
        <v>7</v>
      </c>
      <c r="J94" s="101" t="s">
        <v>246</v>
      </c>
      <c r="K94" s="94" t="s">
        <v>246</v>
      </c>
      <c r="L94" s="94" t="s">
        <v>246</v>
      </c>
      <c r="M94" s="95">
        <v>4374</v>
      </c>
      <c r="N94" s="96">
        <v>4372</v>
      </c>
      <c r="O94" s="100">
        <v>0</v>
      </c>
      <c r="P94" s="97">
        <v>36450</v>
      </c>
      <c r="Q94" s="44"/>
    </row>
    <row r="95" spans="2:17" s="11" customFormat="1" ht="14.25" customHeight="1">
      <c r="B95" s="87"/>
      <c r="C95" s="88" t="s">
        <v>29</v>
      </c>
      <c r="D95" s="257"/>
      <c r="E95" s="108"/>
      <c r="F95" s="98">
        <v>8</v>
      </c>
      <c r="G95" s="126">
        <v>21</v>
      </c>
      <c r="H95" s="98">
        <v>9</v>
      </c>
      <c r="I95" s="126">
        <v>12</v>
      </c>
      <c r="J95" s="94">
        <v>2</v>
      </c>
      <c r="K95" s="94">
        <v>13</v>
      </c>
      <c r="L95" s="94">
        <v>6</v>
      </c>
      <c r="M95" s="95">
        <v>4496</v>
      </c>
      <c r="N95" s="96">
        <v>4493</v>
      </c>
      <c r="O95" s="100">
        <v>0</v>
      </c>
      <c r="P95" s="97">
        <v>21409.5</v>
      </c>
      <c r="Q95" s="44"/>
    </row>
    <row r="96" spans="2:17" s="11" customFormat="1" ht="8.25" customHeight="1">
      <c r="B96" s="441" t="s">
        <v>250</v>
      </c>
      <c r="C96" s="415" t="s">
        <v>26</v>
      </c>
      <c r="D96" s="257"/>
      <c r="E96" s="404" t="s">
        <v>251</v>
      </c>
      <c r="F96" s="405">
        <v>64</v>
      </c>
      <c r="G96" s="126">
        <v>103</v>
      </c>
      <c r="H96" s="405">
        <v>46</v>
      </c>
      <c r="I96" s="405">
        <v>57</v>
      </c>
      <c r="J96" s="427">
        <v>11</v>
      </c>
      <c r="K96" s="427">
        <v>87</v>
      </c>
      <c r="L96" s="428">
        <v>16</v>
      </c>
      <c r="M96" s="437">
        <v>2325</v>
      </c>
      <c r="N96" s="433">
        <v>2274</v>
      </c>
      <c r="O96" s="433">
        <v>0</v>
      </c>
      <c r="P96" s="434">
        <v>2257.3000000000002</v>
      </c>
      <c r="Q96" s="44"/>
    </row>
    <row r="97" spans="2:18" s="11" customFormat="1" ht="8.25" customHeight="1">
      <c r="B97" s="441"/>
      <c r="C97" s="415"/>
      <c r="D97" s="257"/>
      <c r="E97" s="404"/>
      <c r="F97" s="405"/>
      <c r="G97" s="237">
        <v>114</v>
      </c>
      <c r="H97" s="405"/>
      <c r="I97" s="405"/>
      <c r="J97" s="427"/>
      <c r="K97" s="427"/>
      <c r="L97" s="428"/>
      <c r="M97" s="437"/>
      <c r="N97" s="433"/>
      <c r="O97" s="433"/>
      <c r="P97" s="434">
        <v>0</v>
      </c>
      <c r="Q97" s="44"/>
    </row>
    <row r="98" spans="2:18" s="11" customFormat="1" ht="15" customHeight="1">
      <c r="B98" s="87"/>
      <c r="C98" s="88" t="s">
        <v>27</v>
      </c>
      <c r="D98" s="257"/>
      <c r="E98" s="267" t="s">
        <v>123</v>
      </c>
      <c r="F98" s="101" t="s">
        <v>192</v>
      </c>
      <c r="G98" s="101" t="s">
        <v>192</v>
      </c>
      <c r="H98" s="101" t="s">
        <v>192</v>
      </c>
      <c r="I98" s="101" t="s">
        <v>192</v>
      </c>
      <c r="J98" s="98" t="s">
        <v>96</v>
      </c>
      <c r="K98" s="98" t="s">
        <v>96</v>
      </c>
      <c r="L98" s="94" t="s">
        <v>96</v>
      </c>
      <c r="M98" s="95">
        <v>5189</v>
      </c>
      <c r="N98" s="96">
        <v>5189</v>
      </c>
      <c r="O98" s="100">
        <v>0</v>
      </c>
      <c r="P98" s="104" t="s">
        <v>99</v>
      </c>
      <c r="Q98" s="44"/>
    </row>
    <row r="99" spans="2:18" s="11" customFormat="1" ht="15" customHeight="1">
      <c r="B99" s="87"/>
      <c r="C99" s="88" t="s">
        <v>28</v>
      </c>
      <c r="D99" s="257"/>
      <c r="E99" s="258" t="s">
        <v>252</v>
      </c>
      <c r="F99" s="98">
        <v>1</v>
      </c>
      <c r="G99" s="268">
        <v>2</v>
      </c>
      <c r="H99" s="98">
        <v>1</v>
      </c>
      <c r="I99" s="101">
        <v>1</v>
      </c>
      <c r="J99" s="101" t="s">
        <v>246</v>
      </c>
      <c r="K99" s="101" t="s">
        <v>246</v>
      </c>
      <c r="L99" s="101" t="s">
        <v>246</v>
      </c>
      <c r="M99" s="95">
        <v>4190</v>
      </c>
      <c r="N99" s="96">
        <v>4190</v>
      </c>
      <c r="O99" s="100">
        <v>0</v>
      </c>
      <c r="P99" s="97">
        <v>209500</v>
      </c>
      <c r="Q99" s="44"/>
    </row>
    <row r="100" spans="2:18" s="11" customFormat="1" ht="15" customHeight="1">
      <c r="B100" s="87"/>
      <c r="C100" s="88" t="s">
        <v>29</v>
      </c>
      <c r="D100" s="257"/>
      <c r="E100" s="258" t="s">
        <v>252</v>
      </c>
      <c r="F100" s="98">
        <v>4</v>
      </c>
      <c r="G100" s="126">
        <v>9</v>
      </c>
      <c r="H100" s="98">
        <v>4</v>
      </c>
      <c r="I100" s="126">
        <v>5</v>
      </c>
      <c r="J100" s="94" t="s">
        <v>246</v>
      </c>
      <c r="K100" s="94" t="s">
        <v>246</v>
      </c>
      <c r="L100" s="94" t="s">
        <v>246</v>
      </c>
      <c r="M100" s="95">
        <v>1318</v>
      </c>
      <c r="N100" s="96">
        <v>1316</v>
      </c>
      <c r="O100" s="100">
        <v>0</v>
      </c>
      <c r="P100" s="97">
        <v>14644.4</v>
      </c>
      <c r="Q100" s="44"/>
    </row>
    <row r="101" spans="2:18" s="11" customFormat="1" ht="7.5" customHeight="1">
      <c r="B101" s="441" t="s">
        <v>253</v>
      </c>
      <c r="C101" s="440" t="s">
        <v>26</v>
      </c>
      <c r="D101" s="262"/>
      <c r="E101" s="404" t="s">
        <v>254</v>
      </c>
      <c r="F101" s="405">
        <v>64</v>
      </c>
      <c r="G101" s="126">
        <v>104</v>
      </c>
      <c r="H101" s="405">
        <v>52</v>
      </c>
      <c r="I101" s="405">
        <v>52</v>
      </c>
      <c r="J101" s="427">
        <v>4</v>
      </c>
      <c r="K101" s="427">
        <v>75</v>
      </c>
      <c r="L101" s="428">
        <v>29</v>
      </c>
      <c r="M101" s="437">
        <v>3945</v>
      </c>
      <c r="N101" s="433">
        <v>3911</v>
      </c>
      <c r="O101" s="433">
        <v>0</v>
      </c>
      <c r="P101" s="434">
        <v>3793.3</v>
      </c>
      <c r="Q101" s="44"/>
    </row>
    <row r="102" spans="2:18" s="11" customFormat="1" ht="7.5" customHeight="1">
      <c r="B102" s="441"/>
      <c r="C102" s="440"/>
      <c r="D102" s="262"/>
      <c r="E102" s="404"/>
      <c r="F102" s="405"/>
      <c r="G102" s="98">
        <v>-108</v>
      </c>
      <c r="H102" s="405"/>
      <c r="I102" s="405"/>
      <c r="J102" s="427"/>
      <c r="K102" s="427"/>
      <c r="L102" s="428"/>
      <c r="M102" s="437"/>
      <c r="N102" s="433"/>
      <c r="O102" s="433"/>
      <c r="P102" s="434">
        <v>0</v>
      </c>
      <c r="Q102" s="44"/>
    </row>
    <row r="103" spans="2:18" s="11" customFormat="1" ht="15" customHeight="1">
      <c r="B103" s="87"/>
      <c r="C103" s="269" t="s">
        <v>27</v>
      </c>
      <c r="D103" s="257"/>
      <c r="E103" s="258" t="s">
        <v>255</v>
      </c>
      <c r="F103" s="98">
        <v>2</v>
      </c>
      <c r="G103" s="98">
        <v>4</v>
      </c>
      <c r="H103" s="92">
        <v>2</v>
      </c>
      <c r="I103" s="92">
        <v>2</v>
      </c>
      <c r="J103" s="98" t="s">
        <v>246</v>
      </c>
      <c r="K103" s="98" t="s">
        <v>246</v>
      </c>
      <c r="L103" s="132" t="s">
        <v>246</v>
      </c>
      <c r="M103" s="133">
        <v>3926</v>
      </c>
      <c r="N103" s="134">
        <v>3925</v>
      </c>
      <c r="O103" s="100">
        <v>0</v>
      </c>
      <c r="P103" s="97">
        <v>98150</v>
      </c>
      <c r="Q103" s="44"/>
    </row>
    <row r="104" spans="2:18" s="11" customFormat="1" ht="15.75" customHeight="1">
      <c r="B104" s="87"/>
      <c r="C104" s="88" t="s">
        <v>28</v>
      </c>
      <c r="D104" s="257"/>
      <c r="E104" s="266"/>
      <c r="F104" s="98">
        <v>69</v>
      </c>
      <c r="G104" s="126">
        <v>133</v>
      </c>
      <c r="H104" s="98">
        <v>58</v>
      </c>
      <c r="I104" s="126">
        <v>75</v>
      </c>
      <c r="J104" s="94">
        <v>19</v>
      </c>
      <c r="K104" s="94">
        <v>104</v>
      </c>
      <c r="L104" s="94">
        <v>10</v>
      </c>
      <c r="M104" s="95">
        <v>2004</v>
      </c>
      <c r="N104" s="96">
        <v>1915</v>
      </c>
      <c r="O104" s="100">
        <v>0</v>
      </c>
      <c r="P104" s="97">
        <v>1506.8</v>
      </c>
      <c r="Q104" s="44"/>
    </row>
    <row r="105" spans="2:18" s="11" customFormat="1" ht="8.25" customHeight="1">
      <c r="B105" s="441" t="s">
        <v>256</v>
      </c>
      <c r="C105" s="415" t="s">
        <v>26</v>
      </c>
      <c r="D105" s="257"/>
      <c r="E105" s="404" t="s">
        <v>257</v>
      </c>
      <c r="F105" s="405">
        <v>13</v>
      </c>
      <c r="G105" s="98">
        <v>24</v>
      </c>
      <c r="H105" s="405">
        <v>14</v>
      </c>
      <c r="I105" s="405">
        <v>10</v>
      </c>
      <c r="J105" s="427">
        <v>1</v>
      </c>
      <c r="K105" s="427">
        <v>11</v>
      </c>
      <c r="L105" s="428">
        <v>15</v>
      </c>
      <c r="M105" s="442">
        <v>2447</v>
      </c>
      <c r="N105" s="433">
        <v>2439</v>
      </c>
      <c r="O105" s="433">
        <v>0</v>
      </c>
      <c r="P105" s="434">
        <v>10195.799999999999</v>
      </c>
      <c r="Q105" s="44"/>
    </row>
    <row r="106" spans="2:18" s="11" customFormat="1" ht="8.25" customHeight="1">
      <c r="B106" s="441"/>
      <c r="C106" s="415"/>
      <c r="D106" s="257"/>
      <c r="E106" s="404"/>
      <c r="F106" s="405"/>
      <c r="G106" s="270">
        <v>27</v>
      </c>
      <c r="H106" s="405"/>
      <c r="I106" s="405"/>
      <c r="J106" s="427"/>
      <c r="K106" s="427"/>
      <c r="L106" s="428"/>
      <c r="M106" s="442"/>
      <c r="N106" s="433"/>
      <c r="O106" s="433"/>
      <c r="P106" s="434">
        <v>0</v>
      </c>
      <c r="Q106" s="44"/>
    </row>
    <row r="107" spans="2:18" s="11" customFormat="1" ht="14.25" customHeight="1">
      <c r="B107" s="87"/>
      <c r="C107" s="88" t="s">
        <v>27</v>
      </c>
      <c r="D107" s="257"/>
      <c r="E107" s="266"/>
      <c r="F107" s="101" t="s">
        <v>192</v>
      </c>
      <c r="G107" s="101" t="s">
        <v>192</v>
      </c>
      <c r="H107" s="101" t="s">
        <v>192</v>
      </c>
      <c r="I107" s="101" t="s">
        <v>192</v>
      </c>
      <c r="J107" s="101" t="s">
        <v>192</v>
      </c>
      <c r="K107" s="101" t="s">
        <v>192</v>
      </c>
      <c r="L107" s="101" t="s">
        <v>192</v>
      </c>
      <c r="M107" s="95">
        <v>4683</v>
      </c>
      <c r="N107" s="96">
        <v>4683</v>
      </c>
      <c r="O107" s="100">
        <v>0</v>
      </c>
      <c r="P107" s="104" t="s">
        <v>99</v>
      </c>
      <c r="Q107" s="44"/>
    </row>
    <row r="108" spans="2:18" s="11" customFormat="1" ht="14.25" customHeight="1">
      <c r="B108" s="87"/>
      <c r="C108" s="88" t="s">
        <v>28</v>
      </c>
      <c r="D108" s="257"/>
      <c r="E108" s="259" t="s">
        <v>258</v>
      </c>
      <c r="F108" s="98">
        <v>2</v>
      </c>
      <c r="G108" s="126">
        <v>3</v>
      </c>
      <c r="H108" s="98">
        <v>2</v>
      </c>
      <c r="I108" s="98">
        <v>1</v>
      </c>
      <c r="J108" s="94" t="s">
        <v>246</v>
      </c>
      <c r="K108" s="94" t="s">
        <v>246</v>
      </c>
      <c r="L108" s="94" t="s">
        <v>246</v>
      </c>
      <c r="M108" s="95">
        <v>4883</v>
      </c>
      <c r="N108" s="134">
        <v>4881</v>
      </c>
      <c r="O108" s="100">
        <v>0</v>
      </c>
      <c r="P108" s="97">
        <v>162766.70000000001</v>
      </c>
      <c r="Q108" s="44"/>
    </row>
    <row r="109" spans="2:18" s="11" customFormat="1" ht="14.25" customHeight="1">
      <c r="B109" s="87"/>
      <c r="C109" s="88" t="s">
        <v>29</v>
      </c>
      <c r="D109" s="257"/>
      <c r="E109" s="259"/>
      <c r="F109" s="98">
        <v>16</v>
      </c>
      <c r="G109" s="126">
        <v>25</v>
      </c>
      <c r="H109" s="98">
        <v>14</v>
      </c>
      <c r="I109" s="98">
        <v>11</v>
      </c>
      <c r="J109" s="101" t="s">
        <v>192</v>
      </c>
      <c r="K109" s="94">
        <v>19</v>
      </c>
      <c r="L109" s="94">
        <v>6</v>
      </c>
      <c r="M109" s="95">
        <v>7965</v>
      </c>
      <c r="N109" s="134">
        <v>6984</v>
      </c>
      <c r="O109" s="96">
        <v>976</v>
      </c>
      <c r="P109" s="97">
        <v>31860</v>
      </c>
      <c r="Q109" s="44"/>
    </row>
    <row r="110" spans="2:18" s="11" customFormat="1" ht="15" customHeight="1">
      <c r="B110" s="87" t="s">
        <v>259</v>
      </c>
      <c r="C110" s="269" t="s">
        <v>26</v>
      </c>
      <c r="D110" s="257"/>
      <c r="E110" s="271"/>
      <c r="F110" s="92">
        <v>97</v>
      </c>
      <c r="G110" s="126">
        <v>114</v>
      </c>
      <c r="H110" s="92">
        <v>95</v>
      </c>
      <c r="I110" s="92">
        <v>19</v>
      </c>
      <c r="J110" s="98">
        <v>4</v>
      </c>
      <c r="K110" s="92">
        <v>100</v>
      </c>
      <c r="L110" s="272">
        <v>10</v>
      </c>
      <c r="M110" s="133">
        <v>5582</v>
      </c>
      <c r="N110" s="134">
        <v>5306</v>
      </c>
      <c r="O110" s="134">
        <v>268</v>
      </c>
      <c r="P110" s="97">
        <v>4896.5</v>
      </c>
      <c r="Q110" s="44"/>
    </row>
    <row r="111" spans="2:18" s="11" customFormat="1" ht="15" customHeight="1">
      <c r="B111" s="87"/>
      <c r="C111" s="88" t="s">
        <v>27</v>
      </c>
      <c r="D111" s="257"/>
      <c r="E111" s="259"/>
      <c r="F111" s="101" t="s">
        <v>192</v>
      </c>
      <c r="G111" s="101" t="s">
        <v>192</v>
      </c>
      <c r="H111" s="101" t="s">
        <v>192</v>
      </c>
      <c r="I111" s="101" t="s">
        <v>192</v>
      </c>
      <c r="J111" s="101" t="s">
        <v>192</v>
      </c>
      <c r="K111" s="101" t="s">
        <v>192</v>
      </c>
      <c r="L111" s="101" t="s">
        <v>192</v>
      </c>
      <c r="M111" s="95">
        <v>3859</v>
      </c>
      <c r="N111" s="134">
        <v>3859</v>
      </c>
      <c r="O111" s="100">
        <v>0</v>
      </c>
      <c r="P111" s="109" t="s">
        <v>99</v>
      </c>
      <c r="Q111" s="44"/>
    </row>
    <row r="112" spans="2:18" s="192" customFormat="1" ht="7.5" customHeight="1">
      <c r="B112" s="440"/>
      <c r="C112" s="440" t="s">
        <v>28</v>
      </c>
      <c r="D112" s="262"/>
      <c r="E112" s="404" t="s">
        <v>260</v>
      </c>
      <c r="F112" s="405">
        <v>6</v>
      </c>
      <c r="G112" s="126">
        <v>8</v>
      </c>
      <c r="H112" s="405">
        <v>5</v>
      </c>
      <c r="I112" s="405">
        <v>3</v>
      </c>
      <c r="J112" s="427" t="s">
        <v>192</v>
      </c>
      <c r="K112" s="427">
        <v>11</v>
      </c>
      <c r="L112" s="428">
        <v>3</v>
      </c>
      <c r="M112" s="437">
        <v>2914</v>
      </c>
      <c r="N112" s="433">
        <v>2914</v>
      </c>
      <c r="O112" s="433">
        <v>0</v>
      </c>
      <c r="P112" s="434">
        <v>36425</v>
      </c>
      <c r="Q112" s="44"/>
      <c r="R112" s="11"/>
    </row>
    <row r="113" spans="2:18" s="192" customFormat="1" ht="7.5" customHeight="1">
      <c r="B113" s="440"/>
      <c r="C113" s="440"/>
      <c r="D113" s="262"/>
      <c r="E113" s="404"/>
      <c r="F113" s="405"/>
      <c r="G113" s="237">
        <v>14</v>
      </c>
      <c r="H113" s="405"/>
      <c r="I113" s="405"/>
      <c r="J113" s="427"/>
      <c r="K113" s="427"/>
      <c r="L113" s="428"/>
      <c r="M113" s="437"/>
      <c r="N113" s="433"/>
      <c r="O113" s="433"/>
      <c r="P113" s="434">
        <v>0</v>
      </c>
      <c r="Q113" s="44"/>
      <c r="R113" s="11"/>
    </row>
    <row r="114" spans="2:18" s="11" customFormat="1" ht="15" customHeight="1">
      <c r="B114" s="110"/>
      <c r="C114" s="111" t="s">
        <v>29</v>
      </c>
      <c r="D114" s="260"/>
      <c r="E114" s="273" t="s">
        <v>261</v>
      </c>
      <c r="F114" s="114">
        <v>1</v>
      </c>
      <c r="G114" s="114">
        <v>1</v>
      </c>
      <c r="H114" s="114">
        <v>1</v>
      </c>
      <c r="I114" s="274" t="s">
        <v>192</v>
      </c>
      <c r="J114" s="274" t="s">
        <v>246</v>
      </c>
      <c r="K114" s="274" t="s">
        <v>246</v>
      </c>
      <c r="L114" s="274" t="s">
        <v>246</v>
      </c>
      <c r="M114" s="119">
        <v>3961</v>
      </c>
      <c r="N114" s="128">
        <v>3960</v>
      </c>
      <c r="O114" s="121">
        <v>0</v>
      </c>
      <c r="P114" s="122">
        <v>396100</v>
      </c>
      <c r="Q114" s="44"/>
    </row>
    <row r="115" spans="2:18" s="11" customFormat="1" ht="15" customHeight="1">
      <c r="B115" s="87" t="s">
        <v>262</v>
      </c>
      <c r="C115" s="88" t="s">
        <v>26</v>
      </c>
      <c r="D115" s="257"/>
      <c r="E115" s="266" t="s">
        <v>123</v>
      </c>
      <c r="F115" s="101" t="s">
        <v>192</v>
      </c>
      <c r="G115" s="101" t="s">
        <v>123</v>
      </c>
      <c r="H115" s="101" t="s">
        <v>192</v>
      </c>
      <c r="I115" s="101" t="s">
        <v>192</v>
      </c>
      <c r="J115" s="101" t="s">
        <v>192</v>
      </c>
      <c r="K115" s="101" t="s">
        <v>192</v>
      </c>
      <c r="L115" s="101" t="s">
        <v>192</v>
      </c>
      <c r="M115" s="95">
        <v>1008</v>
      </c>
      <c r="N115" s="134">
        <v>1008</v>
      </c>
      <c r="O115" s="100">
        <v>0</v>
      </c>
      <c r="P115" s="109" t="s">
        <v>99</v>
      </c>
      <c r="Q115" s="44"/>
    </row>
    <row r="116" spans="2:18" s="11" customFormat="1" ht="15" customHeight="1">
      <c r="B116" s="87"/>
      <c r="C116" s="88" t="s">
        <v>27</v>
      </c>
      <c r="D116" s="257"/>
      <c r="E116" s="258" t="s">
        <v>261</v>
      </c>
      <c r="F116" s="98">
        <v>3</v>
      </c>
      <c r="G116" s="98">
        <v>3</v>
      </c>
      <c r="H116" s="98">
        <v>3</v>
      </c>
      <c r="I116" s="101" t="s">
        <v>192</v>
      </c>
      <c r="J116" s="98" t="s">
        <v>229</v>
      </c>
      <c r="K116" s="98" t="s">
        <v>229</v>
      </c>
      <c r="L116" s="98" t="s">
        <v>229</v>
      </c>
      <c r="M116" s="95">
        <v>1335</v>
      </c>
      <c r="N116" s="134">
        <v>1332</v>
      </c>
      <c r="O116" s="100">
        <v>0</v>
      </c>
      <c r="P116" s="109">
        <v>44500</v>
      </c>
      <c r="Q116" s="44"/>
    </row>
    <row r="117" spans="2:18" s="11" customFormat="1" ht="14.25" customHeight="1">
      <c r="B117" s="87"/>
      <c r="C117" s="269" t="s">
        <v>28</v>
      </c>
      <c r="D117" s="257"/>
      <c r="E117" s="275" t="s">
        <v>123</v>
      </c>
      <c r="F117" s="101" t="s">
        <v>192</v>
      </c>
      <c r="G117" s="101" t="s">
        <v>123</v>
      </c>
      <c r="H117" s="101" t="s">
        <v>192</v>
      </c>
      <c r="I117" s="101" t="s">
        <v>192</v>
      </c>
      <c r="J117" s="101" t="s">
        <v>192</v>
      </c>
      <c r="K117" s="101" t="s">
        <v>192</v>
      </c>
      <c r="L117" s="101" t="s">
        <v>192</v>
      </c>
      <c r="M117" s="133">
        <v>1302</v>
      </c>
      <c r="N117" s="134">
        <v>1302</v>
      </c>
      <c r="O117" s="134">
        <v>0</v>
      </c>
      <c r="P117" s="109" t="s">
        <v>99</v>
      </c>
      <c r="Q117" s="44"/>
    </row>
    <row r="118" spans="2:18" s="11" customFormat="1" ht="14.25" customHeight="1">
      <c r="B118" s="87"/>
      <c r="C118" s="88" t="s">
        <v>29</v>
      </c>
      <c r="D118" s="257"/>
      <c r="E118" s="258" t="s">
        <v>261</v>
      </c>
      <c r="F118" s="98">
        <v>2</v>
      </c>
      <c r="G118" s="98">
        <v>2</v>
      </c>
      <c r="H118" s="98">
        <v>2</v>
      </c>
      <c r="I118" s="101" t="s">
        <v>192</v>
      </c>
      <c r="J118" s="98" t="s">
        <v>229</v>
      </c>
      <c r="K118" s="98" t="s">
        <v>229</v>
      </c>
      <c r="L118" s="98" t="s">
        <v>229</v>
      </c>
      <c r="M118" s="95">
        <v>332</v>
      </c>
      <c r="N118" s="134">
        <v>330</v>
      </c>
      <c r="O118" s="100">
        <v>0</v>
      </c>
      <c r="P118" s="97">
        <v>16600</v>
      </c>
      <c r="Q118" s="44"/>
    </row>
    <row r="119" spans="2:18" s="11" customFormat="1" ht="15" customHeight="1">
      <c r="B119" s="87" t="s">
        <v>263</v>
      </c>
      <c r="C119" s="88" t="s">
        <v>26</v>
      </c>
      <c r="D119" s="257"/>
      <c r="E119" s="266" t="s">
        <v>123</v>
      </c>
      <c r="F119" s="98">
        <v>299</v>
      </c>
      <c r="G119" s="98">
        <v>315</v>
      </c>
      <c r="H119" s="98">
        <v>163</v>
      </c>
      <c r="I119" s="98">
        <v>152</v>
      </c>
      <c r="J119" s="101" t="s">
        <v>192</v>
      </c>
      <c r="K119" s="98">
        <v>290</v>
      </c>
      <c r="L119" s="132">
        <v>25</v>
      </c>
      <c r="M119" s="95">
        <v>4281</v>
      </c>
      <c r="N119" s="134">
        <v>3299</v>
      </c>
      <c r="O119" s="134">
        <v>748</v>
      </c>
      <c r="P119" s="97">
        <v>1359</v>
      </c>
      <c r="Q119" s="44"/>
    </row>
    <row r="120" spans="2:18" s="11" customFormat="1" ht="7.5" customHeight="1">
      <c r="B120" s="415"/>
      <c r="C120" s="415" t="s">
        <v>27</v>
      </c>
      <c r="D120" s="257"/>
      <c r="E120" s="404" t="s">
        <v>264</v>
      </c>
      <c r="F120" s="405">
        <v>15</v>
      </c>
      <c r="G120" s="98">
        <v>29</v>
      </c>
      <c r="H120" s="405">
        <v>10</v>
      </c>
      <c r="I120" s="405">
        <v>19</v>
      </c>
      <c r="J120" s="427">
        <v>2</v>
      </c>
      <c r="K120" s="427">
        <v>16</v>
      </c>
      <c r="L120" s="428">
        <v>20</v>
      </c>
      <c r="M120" s="437">
        <v>5743</v>
      </c>
      <c r="N120" s="433">
        <v>5735</v>
      </c>
      <c r="O120" s="416">
        <v>0</v>
      </c>
      <c r="P120" s="434">
        <v>19803.400000000001</v>
      </c>
      <c r="Q120" s="44"/>
    </row>
    <row r="121" spans="2:18" s="11" customFormat="1" ht="9.75" customHeight="1">
      <c r="B121" s="415"/>
      <c r="C121" s="415"/>
      <c r="D121" s="257"/>
      <c r="E121" s="404"/>
      <c r="F121" s="405"/>
      <c r="G121" s="270">
        <v>38</v>
      </c>
      <c r="H121" s="405"/>
      <c r="I121" s="405"/>
      <c r="J121" s="427"/>
      <c r="K121" s="427"/>
      <c r="L121" s="428"/>
      <c r="M121" s="437"/>
      <c r="N121" s="433"/>
      <c r="O121" s="416"/>
      <c r="P121" s="434">
        <v>0</v>
      </c>
      <c r="Q121" s="44"/>
    </row>
    <row r="122" spans="2:18" s="11" customFormat="1" ht="15" customHeight="1">
      <c r="B122" s="87"/>
      <c r="C122" s="88" t="s">
        <v>28</v>
      </c>
      <c r="D122" s="257"/>
      <c r="E122" s="258" t="s">
        <v>265</v>
      </c>
      <c r="F122" s="98">
        <v>3</v>
      </c>
      <c r="G122" s="98">
        <v>9</v>
      </c>
      <c r="H122" s="98">
        <v>4</v>
      </c>
      <c r="I122" s="98">
        <v>5</v>
      </c>
      <c r="J122" s="98" t="s">
        <v>229</v>
      </c>
      <c r="K122" s="98" t="s">
        <v>229</v>
      </c>
      <c r="L122" s="98" t="s">
        <v>229</v>
      </c>
      <c r="M122" s="95">
        <v>5021</v>
      </c>
      <c r="N122" s="134">
        <v>5018</v>
      </c>
      <c r="O122" s="100">
        <v>0</v>
      </c>
      <c r="P122" s="97">
        <v>55788.9</v>
      </c>
      <c r="Q122" s="44"/>
    </row>
    <row r="123" spans="2:18" s="11" customFormat="1" ht="15" customHeight="1">
      <c r="B123" s="87"/>
      <c r="C123" s="88" t="s">
        <v>29</v>
      </c>
      <c r="D123" s="257"/>
      <c r="E123" s="266" t="s">
        <v>123</v>
      </c>
      <c r="F123" s="98">
        <v>8</v>
      </c>
      <c r="G123" s="98">
        <v>15</v>
      </c>
      <c r="H123" s="98">
        <v>7</v>
      </c>
      <c r="I123" s="98">
        <v>8</v>
      </c>
      <c r="J123" s="101" t="s">
        <v>192</v>
      </c>
      <c r="K123" s="98">
        <v>8</v>
      </c>
      <c r="L123" s="132">
        <v>7</v>
      </c>
      <c r="M123" s="95">
        <v>3947</v>
      </c>
      <c r="N123" s="134">
        <v>3943</v>
      </c>
      <c r="O123" s="100">
        <v>0</v>
      </c>
      <c r="P123" s="97">
        <v>26313.3</v>
      </c>
      <c r="Q123" s="44"/>
    </row>
    <row r="124" spans="2:18" s="11" customFormat="1" ht="15" customHeight="1">
      <c r="B124" s="87" t="s">
        <v>266</v>
      </c>
      <c r="C124" s="88" t="s">
        <v>26</v>
      </c>
      <c r="D124" s="257"/>
      <c r="E124" s="266" t="s">
        <v>123</v>
      </c>
      <c r="F124" s="98">
        <v>149</v>
      </c>
      <c r="G124" s="98">
        <v>215</v>
      </c>
      <c r="H124" s="98">
        <v>104</v>
      </c>
      <c r="I124" s="98">
        <v>111</v>
      </c>
      <c r="J124" s="98">
        <v>9</v>
      </c>
      <c r="K124" s="98">
        <v>171</v>
      </c>
      <c r="L124" s="132">
        <v>35</v>
      </c>
      <c r="M124" s="95">
        <v>2852</v>
      </c>
      <c r="N124" s="134">
        <v>2726</v>
      </c>
      <c r="O124" s="100">
        <v>0</v>
      </c>
      <c r="P124" s="97">
        <v>1326.5</v>
      </c>
      <c r="Q124" s="44"/>
    </row>
    <row r="125" spans="2:18" s="11" customFormat="1" ht="15" customHeight="1">
      <c r="B125" s="87"/>
      <c r="C125" s="88" t="s">
        <v>27</v>
      </c>
      <c r="D125" s="257"/>
      <c r="E125" s="266" t="s">
        <v>123</v>
      </c>
      <c r="F125" s="98">
        <v>35</v>
      </c>
      <c r="G125" s="98">
        <v>45</v>
      </c>
      <c r="H125" s="98">
        <v>24</v>
      </c>
      <c r="I125" s="98">
        <v>21</v>
      </c>
      <c r="J125" s="98">
        <v>2</v>
      </c>
      <c r="K125" s="98">
        <v>37</v>
      </c>
      <c r="L125" s="132">
        <v>6</v>
      </c>
      <c r="M125" s="95">
        <v>2373</v>
      </c>
      <c r="N125" s="134">
        <v>2354</v>
      </c>
      <c r="O125" s="100">
        <v>0</v>
      </c>
      <c r="P125" s="97">
        <v>5273.3</v>
      </c>
      <c r="Q125" s="44"/>
    </row>
    <row r="126" spans="2:18" s="11" customFormat="1" ht="15" customHeight="1">
      <c r="B126" s="87"/>
      <c r="C126" s="88" t="s">
        <v>28</v>
      </c>
      <c r="D126" s="257"/>
      <c r="E126" s="266" t="s">
        <v>123</v>
      </c>
      <c r="F126" s="98">
        <v>18</v>
      </c>
      <c r="G126" s="98">
        <v>30</v>
      </c>
      <c r="H126" s="98">
        <v>18</v>
      </c>
      <c r="I126" s="98">
        <v>12</v>
      </c>
      <c r="J126" s="98">
        <v>1</v>
      </c>
      <c r="K126" s="98">
        <v>13</v>
      </c>
      <c r="L126" s="132">
        <v>12</v>
      </c>
      <c r="M126" s="95">
        <v>3221</v>
      </c>
      <c r="N126" s="134">
        <v>3210</v>
      </c>
      <c r="O126" s="100">
        <v>0</v>
      </c>
      <c r="P126" s="97">
        <v>12388.5</v>
      </c>
      <c r="Q126" s="44"/>
    </row>
    <row r="127" spans="2:18" s="11" customFormat="1" ht="15" customHeight="1">
      <c r="B127" s="87"/>
      <c r="C127" s="88" t="s">
        <v>29</v>
      </c>
      <c r="D127" s="257"/>
      <c r="E127" s="266" t="s">
        <v>123</v>
      </c>
      <c r="F127" s="98">
        <v>18</v>
      </c>
      <c r="G127" s="98">
        <v>26</v>
      </c>
      <c r="H127" s="98">
        <v>12</v>
      </c>
      <c r="I127" s="98">
        <v>14</v>
      </c>
      <c r="J127" s="101" t="s">
        <v>192</v>
      </c>
      <c r="K127" s="98">
        <v>18</v>
      </c>
      <c r="L127" s="132">
        <v>8</v>
      </c>
      <c r="M127" s="95">
        <v>1857</v>
      </c>
      <c r="N127" s="134">
        <v>1841</v>
      </c>
      <c r="O127" s="100">
        <v>0</v>
      </c>
      <c r="P127" s="97">
        <v>7142.3</v>
      </c>
      <c r="Q127" s="44"/>
    </row>
    <row r="128" spans="2:18" s="11" customFormat="1" ht="15" customHeight="1">
      <c r="B128" s="87" t="s">
        <v>267</v>
      </c>
      <c r="C128" s="88" t="s">
        <v>26</v>
      </c>
      <c r="D128" s="257"/>
      <c r="E128" s="266" t="s">
        <v>123</v>
      </c>
      <c r="F128" s="98">
        <v>181</v>
      </c>
      <c r="G128" s="98">
        <v>248</v>
      </c>
      <c r="H128" s="98">
        <v>125</v>
      </c>
      <c r="I128" s="98">
        <v>123</v>
      </c>
      <c r="J128" s="98">
        <v>12</v>
      </c>
      <c r="K128" s="98">
        <v>200</v>
      </c>
      <c r="L128" s="132">
        <v>36</v>
      </c>
      <c r="M128" s="95">
        <v>1795</v>
      </c>
      <c r="N128" s="134">
        <v>1658</v>
      </c>
      <c r="O128" s="100">
        <v>0</v>
      </c>
      <c r="P128" s="97">
        <v>723.8</v>
      </c>
      <c r="Q128" s="44"/>
    </row>
    <row r="129" spans="2:17" s="11" customFormat="1" ht="15" customHeight="1">
      <c r="B129" s="87"/>
      <c r="C129" s="88" t="s">
        <v>27</v>
      </c>
      <c r="D129" s="257"/>
      <c r="E129" s="266" t="s">
        <v>123</v>
      </c>
      <c r="F129" s="98">
        <v>187</v>
      </c>
      <c r="G129" s="98">
        <v>260</v>
      </c>
      <c r="H129" s="98">
        <v>128</v>
      </c>
      <c r="I129" s="98">
        <v>132</v>
      </c>
      <c r="J129" s="98">
        <v>10</v>
      </c>
      <c r="K129" s="98">
        <v>216</v>
      </c>
      <c r="L129" s="132">
        <v>34</v>
      </c>
      <c r="M129" s="95">
        <v>1573</v>
      </c>
      <c r="N129" s="134">
        <v>1438</v>
      </c>
      <c r="O129" s="100">
        <v>0</v>
      </c>
      <c r="P129" s="97">
        <v>605</v>
      </c>
      <c r="Q129" s="44"/>
    </row>
    <row r="130" spans="2:17" s="11" customFormat="1" ht="15" customHeight="1">
      <c r="B130" s="87"/>
      <c r="C130" s="88" t="s">
        <v>28</v>
      </c>
      <c r="D130" s="257"/>
      <c r="E130" s="266" t="s">
        <v>123</v>
      </c>
      <c r="F130" s="98">
        <v>13</v>
      </c>
      <c r="G130" s="98">
        <v>33</v>
      </c>
      <c r="H130" s="98">
        <v>15</v>
      </c>
      <c r="I130" s="98">
        <v>18</v>
      </c>
      <c r="J130" s="98">
        <v>2</v>
      </c>
      <c r="K130" s="98">
        <v>17</v>
      </c>
      <c r="L130" s="132">
        <v>14</v>
      </c>
      <c r="M130" s="95">
        <v>2209</v>
      </c>
      <c r="N130" s="134">
        <v>2202</v>
      </c>
      <c r="O130" s="100">
        <v>0</v>
      </c>
      <c r="P130" s="97">
        <v>6693.9</v>
      </c>
      <c r="Q130" s="44"/>
    </row>
    <row r="131" spans="2:17" s="11" customFormat="1" ht="15" customHeight="1">
      <c r="B131" s="87"/>
      <c r="C131" s="88" t="s">
        <v>29</v>
      </c>
      <c r="D131" s="257"/>
      <c r="E131" s="266" t="s">
        <v>123</v>
      </c>
      <c r="F131" s="98">
        <v>70</v>
      </c>
      <c r="G131" s="98">
        <v>101</v>
      </c>
      <c r="H131" s="98">
        <v>53</v>
      </c>
      <c r="I131" s="98">
        <v>48</v>
      </c>
      <c r="J131" s="98">
        <v>6</v>
      </c>
      <c r="K131" s="98">
        <v>81</v>
      </c>
      <c r="L131" s="132">
        <v>14</v>
      </c>
      <c r="M131" s="95">
        <v>1675</v>
      </c>
      <c r="N131" s="134">
        <v>1598</v>
      </c>
      <c r="O131" s="100">
        <v>0</v>
      </c>
      <c r="P131" s="97">
        <v>1658.4</v>
      </c>
      <c r="Q131" s="44"/>
    </row>
    <row r="132" spans="2:17" s="11" customFormat="1" ht="15" customHeight="1">
      <c r="B132" s="87" t="s">
        <v>268</v>
      </c>
      <c r="C132" s="88" t="s">
        <v>26</v>
      </c>
      <c r="D132" s="257"/>
      <c r="E132" s="266" t="s">
        <v>123</v>
      </c>
      <c r="F132" s="98">
        <v>151</v>
      </c>
      <c r="G132" s="98">
        <v>217</v>
      </c>
      <c r="H132" s="98">
        <v>104</v>
      </c>
      <c r="I132" s="98">
        <v>113</v>
      </c>
      <c r="J132" s="98">
        <v>6</v>
      </c>
      <c r="K132" s="98">
        <v>175</v>
      </c>
      <c r="L132" s="132">
        <v>36</v>
      </c>
      <c r="M132" s="95">
        <v>1975</v>
      </c>
      <c r="N132" s="134">
        <v>1853</v>
      </c>
      <c r="O132" s="100">
        <v>0</v>
      </c>
      <c r="P132" s="97">
        <v>910.1</v>
      </c>
      <c r="Q132" s="44"/>
    </row>
    <row r="133" spans="2:17" s="11" customFormat="1" ht="15" customHeight="1">
      <c r="B133" s="87"/>
      <c r="C133" s="88" t="s">
        <v>27</v>
      </c>
      <c r="D133" s="257"/>
      <c r="E133" s="266" t="s">
        <v>123</v>
      </c>
      <c r="F133" s="98">
        <v>204</v>
      </c>
      <c r="G133" s="98">
        <v>225</v>
      </c>
      <c r="H133" s="98">
        <v>101</v>
      </c>
      <c r="I133" s="98">
        <v>124</v>
      </c>
      <c r="J133" s="98">
        <v>2</v>
      </c>
      <c r="K133" s="98">
        <v>214</v>
      </c>
      <c r="L133" s="132">
        <v>9</v>
      </c>
      <c r="M133" s="95">
        <v>2255</v>
      </c>
      <c r="N133" s="134">
        <v>2107</v>
      </c>
      <c r="O133" s="100">
        <v>0</v>
      </c>
      <c r="P133" s="97">
        <v>1002.2</v>
      </c>
      <c r="Q133" s="44"/>
    </row>
    <row r="134" spans="2:17" s="11" customFormat="1" ht="15" customHeight="1">
      <c r="B134" s="87"/>
      <c r="C134" s="88" t="s">
        <v>28</v>
      </c>
      <c r="D134" s="257"/>
      <c r="E134" s="266" t="s">
        <v>123</v>
      </c>
      <c r="F134" s="98">
        <v>120</v>
      </c>
      <c r="G134" s="98">
        <v>141</v>
      </c>
      <c r="H134" s="98">
        <v>66</v>
      </c>
      <c r="I134" s="98">
        <v>75</v>
      </c>
      <c r="J134" s="98">
        <v>1</v>
      </c>
      <c r="K134" s="98">
        <v>135</v>
      </c>
      <c r="L134" s="132">
        <v>5</v>
      </c>
      <c r="M134" s="95">
        <v>3006</v>
      </c>
      <c r="N134" s="134">
        <v>2903</v>
      </c>
      <c r="O134" s="100">
        <v>0</v>
      </c>
      <c r="P134" s="97">
        <v>2131.9</v>
      </c>
      <c r="Q134" s="44"/>
    </row>
    <row r="135" spans="2:17" s="11" customFormat="1" ht="15" customHeight="1">
      <c r="B135" s="87"/>
      <c r="C135" s="88" t="s">
        <v>29</v>
      </c>
      <c r="D135" s="257"/>
      <c r="E135" s="266" t="s">
        <v>123</v>
      </c>
      <c r="F135" s="98">
        <v>39</v>
      </c>
      <c r="G135" s="98">
        <v>63</v>
      </c>
      <c r="H135" s="98">
        <v>32</v>
      </c>
      <c r="I135" s="98">
        <v>31</v>
      </c>
      <c r="J135" s="98">
        <v>1</v>
      </c>
      <c r="K135" s="98">
        <v>51</v>
      </c>
      <c r="L135" s="132">
        <v>11</v>
      </c>
      <c r="M135" s="95">
        <v>2849</v>
      </c>
      <c r="N135" s="134">
        <v>2819</v>
      </c>
      <c r="O135" s="100">
        <v>0</v>
      </c>
      <c r="P135" s="97">
        <v>4522.2</v>
      </c>
      <c r="Q135" s="44"/>
    </row>
    <row r="136" spans="2:17" s="11" customFormat="1" ht="15" customHeight="1">
      <c r="B136" s="87" t="s">
        <v>269</v>
      </c>
      <c r="C136" s="88"/>
      <c r="D136" s="257"/>
      <c r="E136" s="266" t="s">
        <v>123</v>
      </c>
      <c r="F136" s="98">
        <v>77</v>
      </c>
      <c r="G136" s="98">
        <v>133</v>
      </c>
      <c r="H136" s="98">
        <v>57</v>
      </c>
      <c r="I136" s="98">
        <v>76</v>
      </c>
      <c r="J136" s="98">
        <v>7</v>
      </c>
      <c r="K136" s="98">
        <v>99</v>
      </c>
      <c r="L136" s="132">
        <v>25</v>
      </c>
      <c r="M136" s="95">
        <v>3391</v>
      </c>
      <c r="N136" s="134">
        <v>2290</v>
      </c>
      <c r="O136" s="134">
        <v>1051</v>
      </c>
      <c r="P136" s="97">
        <v>2588.5</v>
      </c>
      <c r="Q136" s="44"/>
    </row>
    <row r="137" spans="2:17" s="11" customFormat="1" ht="15" customHeight="1">
      <c r="B137" s="87" t="s">
        <v>270</v>
      </c>
      <c r="C137" s="88"/>
      <c r="D137" s="257"/>
      <c r="E137" s="266" t="s">
        <v>123</v>
      </c>
      <c r="F137" s="98">
        <v>27</v>
      </c>
      <c r="G137" s="98">
        <v>39</v>
      </c>
      <c r="H137" s="98">
        <v>20</v>
      </c>
      <c r="I137" s="98">
        <v>19</v>
      </c>
      <c r="J137" s="98">
        <v>1</v>
      </c>
      <c r="K137" s="98">
        <v>32</v>
      </c>
      <c r="L137" s="132">
        <v>6</v>
      </c>
      <c r="M137" s="95">
        <v>5576</v>
      </c>
      <c r="N137" s="134">
        <v>4405</v>
      </c>
      <c r="O137" s="134">
        <v>1151</v>
      </c>
      <c r="P137" s="97">
        <v>14297.4</v>
      </c>
      <c r="Q137" s="44"/>
    </row>
    <row r="138" spans="2:17" s="11" customFormat="1" ht="15" customHeight="1">
      <c r="B138" s="87" t="s">
        <v>271</v>
      </c>
      <c r="C138" s="88" t="s">
        <v>26</v>
      </c>
      <c r="D138" s="257"/>
      <c r="E138" s="266" t="s">
        <v>123</v>
      </c>
      <c r="F138" s="98">
        <v>120</v>
      </c>
      <c r="G138" s="98">
        <v>204</v>
      </c>
      <c r="H138" s="98">
        <v>89</v>
      </c>
      <c r="I138" s="98">
        <v>115</v>
      </c>
      <c r="J138" s="98">
        <v>16</v>
      </c>
      <c r="K138" s="98">
        <v>124</v>
      </c>
      <c r="L138" s="132">
        <v>64</v>
      </c>
      <c r="M138" s="95">
        <v>550</v>
      </c>
      <c r="N138" s="134">
        <v>466</v>
      </c>
      <c r="O138" s="100">
        <v>0</v>
      </c>
      <c r="P138" s="97">
        <v>269.60000000000002</v>
      </c>
      <c r="Q138" s="44"/>
    </row>
    <row r="139" spans="2:17" s="11" customFormat="1" ht="15" customHeight="1">
      <c r="B139" s="87"/>
      <c r="C139" s="88" t="s">
        <v>27</v>
      </c>
      <c r="D139" s="257"/>
      <c r="E139" s="266" t="s">
        <v>123</v>
      </c>
      <c r="F139" s="98">
        <v>166</v>
      </c>
      <c r="G139" s="98">
        <v>265</v>
      </c>
      <c r="H139" s="98">
        <v>113</v>
      </c>
      <c r="I139" s="98">
        <v>152</v>
      </c>
      <c r="J139" s="98">
        <v>14</v>
      </c>
      <c r="K139" s="98">
        <v>186</v>
      </c>
      <c r="L139" s="132">
        <v>65</v>
      </c>
      <c r="M139" s="95">
        <v>944</v>
      </c>
      <c r="N139" s="134">
        <v>833</v>
      </c>
      <c r="O139" s="100">
        <v>0</v>
      </c>
      <c r="P139" s="97">
        <v>356.2</v>
      </c>
      <c r="Q139" s="44"/>
    </row>
    <row r="140" spans="2:17" s="11" customFormat="1" ht="15" customHeight="1">
      <c r="B140" s="87" t="s">
        <v>272</v>
      </c>
      <c r="C140" s="88" t="s">
        <v>26</v>
      </c>
      <c r="D140" s="257"/>
      <c r="E140" s="266" t="s">
        <v>123</v>
      </c>
      <c r="F140" s="98">
        <v>70</v>
      </c>
      <c r="G140" s="98">
        <v>143</v>
      </c>
      <c r="H140" s="98">
        <v>70</v>
      </c>
      <c r="I140" s="98">
        <v>73</v>
      </c>
      <c r="J140" s="98">
        <v>20</v>
      </c>
      <c r="K140" s="98">
        <v>97</v>
      </c>
      <c r="L140" s="132">
        <v>26</v>
      </c>
      <c r="M140" s="95">
        <v>546</v>
      </c>
      <c r="N140" s="134">
        <v>476</v>
      </c>
      <c r="O140" s="100">
        <v>0</v>
      </c>
      <c r="P140" s="97">
        <v>381.8</v>
      </c>
      <c r="Q140" s="44"/>
    </row>
    <row r="141" spans="2:17" s="11" customFormat="1" ht="15" customHeight="1">
      <c r="B141" s="87"/>
      <c r="C141" s="88" t="s">
        <v>27</v>
      </c>
      <c r="D141" s="257"/>
      <c r="E141" s="266" t="s">
        <v>123</v>
      </c>
      <c r="F141" s="98">
        <v>84</v>
      </c>
      <c r="G141" s="98">
        <v>124</v>
      </c>
      <c r="H141" s="98">
        <v>62</v>
      </c>
      <c r="I141" s="98">
        <v>62</v>
      </c>
      <c r="J141" s="101" t="s">
        <v>192</v>
      </c>
      <c r="K141" s="98">
        <v>114</v>
      </c>
      <c r="L141" s="132">
        <v>10</v>
      </c>
      <c r="M141" s="95">
        <v>755</v>
      </c>
      <c r="N141" s="134">
        <v>709</v>
      </c>
      <c r="O141" s="100">
        <v>0</v>
      </c>
      <c r="P141" s="97">
        <v>608.9</v>
      </c>
      <c r="Q141" s="44"/>
    </row>
    <row r="142" spans="2:17" s="11" customFormat="1" ht="15.75" customHeight="1">
      <c r="B142" s="87" t="s">
        <v>273</v>
      </c>
      <c r="C142" s="88" t="s">
        <v>26</v>
      </c>
      <c r="D142" s="257"/>
      <c r="E142" s="266" t="s">
        <v>123</v>
      </c>
      <c r="F142" s="98">
        <v>201</v>
      </c>
      <c r="G142" s="98">
        <v>294</v>
      </c>
      <c r="H142" s="98">
        <v>146</v>
      </c>
      <c r="I142" s="98">
        <v>148</v>
      </c>
      <c r="J142" s="98">
        <v>24</v>
      </c>
      <c r="K142" s="98">
        <v>228</v>
      </c>
      <c r="L142" s="132">
        <v>42</v>
      </c>
      <c r="M142" s="95">
        <v>680</v>
      </c>
      <c r="N142" s="134">
        <v>566</v>
      </c>
      <c r="O142" s="100">
        <v>0</v>
      </c>
      <c r="P142" s="97">
        <v>231.3</v>
      </c>
      <c r="Q142" s="44"/>
    </row>
    <row r="143" spans="2:17" s="11" customFormat="1" ht="15.75" customHeight="1">
      <c r="B143" s="87"/>
      <c r="C143" s="88" t="s">
        <v>27</v>
      </c>
      <c r="D143" s="257"/>
      <c r="E143" s="266" t="s">
        <v>123</v>
      </c>
      <c r="F143" s="98">
        <v>171</v>
      </c>
      <c r="G143" s="98">
        <v>243</v>
      </c>
      <c r="H143" s="98">
        <v>116</v>
      </c>
      <c r="I143" s="98">
        <v>127</v>
      </c>
      <c r="J143" s="98">
        <v>6</v>
      </c>
      <c r="K143" s="98">
        <v>193</v>
      </c>
      <c r="L143" s="132">
        <v>44</v>
      </c>
      <c r="M143" s="95">
        <v>844</v>
      </c>
      <c r="N143" s="134">
        <v>744</v>
      </c>
      <c r="O143" s="100">
        <v>0</v>
      </c>
      <c r="P143" s="97">
        <v>347.3</v>
      </c>
      <c r="Q143" s="44"/>
    </row>
    <row r="144" spans="2:17" s="11" customFormat="1" ht="15.75" customHeight="1">
      <c r="B144" s="87" t="s">
        <v>274</v>
      </c>
      <c r="C144" s="88" t="s">
        <v>26</v>
      </c>
      <c r="D144" s="257"/>
      <c r="E144" s="266" t="s">
        <v>123</v>
      </c>
      <c r="F144" s="98">
        <v>180</v>
      </c>
      <c r="G144" s="98">
        <v>285</v>
      </c>
      <c r="H144" s="98">
        <v>119</v>
      </c>
      <c r="I144" s="98">
        <v>166</v>
      </c>
      <c r="J144" s="98">
        <v>27</v>
      </c>
      <c r="K144" s="98">
        <v>230</v>
      </c>
      <c r="L144" s="132">
        <v>28</v>
      </c>
      <c r="M144" s="95">
        <v>504</v>
      </c>
      <c r="N144" s="134">
        <v>405</v>
      </c>
      <c r="O144" s="100">
        <v>0</v>
      </c>
      <c r="P144" s="97">
        <v>176.8</v>
      </c>
      <c r="Q144" s="44"/>
    </row>
    <row r="145" spans="2:17" s="11" customFormat="1" ht="15.75" customHeight="1">
      <c r="B145" s="87"/>
      <c r="C145" s="88" t="s">
        <v>27</v>
      </c>
      <c r="D145" s="257"/>
      <c r="E145" s="266" t="s">
        <v>123</v>
      </c>
      <c r="F145" s="98">
        <v>228</v>
      </c>
      <c r="G145" s="98">
        <v>312</v>
      </c>
      <c r="H145" s="98">
        <v>153</v>
      </c>
      <c r="I145" s="98">
        <v>159</v>
      </c>
      <c r="J145" s="98">
        <v>21</v>
      </c>
      <c r="K145" s="98">
        <v>254</v>
      </c>
      <c r="L145" s="132">
        <v>37</v>
      </c>
      <c r="M145" s="95">
        <v>366</v>
      </c>
      <c r="N145" s="134">
        <v>222</v>
      </c>
      <c r="O145" s="100">
        <v>0</v>
      </c>
      <c r="P145" s="97">
        <v>117.3</v>
      </c>
      <c r="Q145" s="44"/>
    </row>
    <row r="146" spans="2:17" s="11" customFormat="1" ht="15.75" customHeight="1">
      <c r="B146" s="87" t="s">
        <v>275</v>
      </c>
      <c r="C146" s="88"/>
      <c r="D146" s="257"/>
      <c r="E146" s="266" t="s">
        <v>123</v>
      </c>
      <c r="F146" s="98">
        <v>459</v>
      </c>
      <c r="G146" s="98">
        <v>707</v>
      </c>
      <c r="H146" s="98">
        <v>326</v>
      </c>
      <c r="I146" s="98">
        <v>381</v>
      </c>
      <c r="J146" s="98">
        <v>48</v>
      </c>
      <c r="K146" s="98">
        <v>580</v>
      </c>
      <c r="L146" s="132">
        <v>79</v>
      </c>
      <c r="M146" s="95">
        <v>1785</v>
      </c>
      <c r="N146" s="134">
        <v>1453</v>
      </c>
      <c r="O146" s="100">
        <v>0</v>
      </c>
      <c r="P146" s="97">
        <v>252.5</v>
      </c>
      <c r="Q146" s="44"/>
    </row>
    <row r="147" spans="2:17" s="11" customFormat="1" ht="15.75" customHeight="1">
      <c r="B147" s="87" t="s">
        <v>276</v>
      </c>
      <c r="C147" s="88" t="s">
        <v>26</v>
      </c>
      <c r="D147" s="257"/>
      <c r="E147" s="266" t="s">
        <v>123</v>
      </c>
      <c r="F147" s="98">
        <v>204</v>
      </c>
      <c r="G147" s="98">
        <v>296</v>
      </c>
      <c r="H147" s="98">
        <v>137</v>
      </c>
      <c r="I147" s="98">
        <v>159</v>
      </c>
      <c r="J147" s="98">
        <v>20</v>
      </c>
      <c r="K147" s="98">
        <v>247</v>
      </c>
      <c r="L147" s="132">
        <v>29</v>
      </c>
      <c r="M147" s="95">
        <v>911</v>
      </c>
      <c r="N147" s="134">
        <v>772</v>
      </c>
      <c r="O147" s="100">
        <v>0</v>
      </c>
      <c r="P147" s="97">
        <v>307.8</v>
      </c>
      <c r="Q147" s="44"/>
    </row>
    <row r="148" spans="2:17" s="11" customFormat="1" ht="7.5" customHeight="1">
      <c r="B148" s="415"/>
      <c r="C148" s="415" t="s">
        <v>27</v>
      </c>
      <c r="D148" s="257"/>
      <c r="E148" s="404" t="s">
        <v>277</v>
      </c>
      <c r="F148" s="405">
        <v>277</v>
      </c>
      <c r="G148" s="98">
        <v>425</v>
      </c>
      <c r="H148" s="405">
        <v>197</v>
      </c>
      <c r="I148" s="405">
        <v>228</v>
      </c>
      <c r="J148" s="427">
        <v>34</v>
      </c>
      <c r="K148" s="427">
        <v>351</v>
      </c>
      <c r="L148" s="428">
        <v>50</v>
      </c>
      <c r="M148" s="425">
        <v>1451</v>
      </c>
      <c r="N148" s="416">
        <v>1274</v>
      </c>
      <c r="O148" s="416">
        <v>0</v>
      </c>
      <c r="P148" s="434">
        <v>341.4</v>
      </c>
      <c r="Q148" s="44"/>
    </row>
    <row r="149" spans="2:17" s="11" customFormat="1" ht="7.5" customHeight="1">
      <c r="B149" s="415"/>
      <c r="C149" s="415"/>
      <c r="D149" s="257"/>
      <c r="E149" s="404"/>
      <c r="F149" s="405"/>
      <c r="G149" s="270">
        <v>435</v>
      </c>
      <c r="H149" s="405"/>
      <c r="I149" s="405"/>
      <c r="J149" s="427"/>
      <c r="K149" s="427"/>
      <c r="L149" s="428"/>
      <c r="M149" s="425"/>
      <c r="N149" s="416"/>
      <c r="O149" s="416"/>
      <c r="P149" s="434">
        <v>0</v>
      </c>
      <c r="Q149" s="44"/>
    </row>
    <row r="150" spans="2:17" s="11" customFormat="1" ht="15.75" customHeight="1">
      <c r="B150" s="87"/>
      <c r="C150" s="88" t="s">
        <v>28</v>
      </c>
      <c r="D150" s="257"/>
      <c r="E150" s="258" t="s">
        <v>278</v>
      </c>
      <c r="F150" s="98">
        <v>5</v>
      </c>
      <c r="G150" s="98">
        <v>10</v>
      </c>
      <c r="H150" s="98">
        <v>4</v>
      </c>
      <c r="I150" s="98">
        <v>6</v>
      </c>
      <c r="J150" s="98" t="s">
        <v>229</v>
      </c>
      <c r="K150" s="98" t="s">
        <v>229</v>
      </c>
      <c r="L150" s="98" t="s">
        <v>229</v>
      </c>
      <c r="M150" s="95">
        <v>486</v>
      </c>
      <c r="N150" s="134">
        <v>480</v>
      </c>
      <c r="O150" s="100">
        <v>0</v>
      </c>
      <c r="P150" s="97">
        <v>4860</v>
      </c>
      <c r="Q150" s="44"/>
    </row>
    <row r="151" spans="2:17" s="11" customFormat="1" ht="15.75" customHeight="1">
      <c r="B151" s="87" t="s">
        <v>279</v>
      </c>
      <c r="C151" s="88" t="s">
        <v>26</v>
      </c>
      <c r="D151" s="257"/>
      <c r="E151" s="266" t="s">
        <v>123</v>
      </c>
      <c r="F151" s="98">
        <v>187</v>
      </c>
      <c r="G151" s="98">
        <v>270</v>
      </c>
      <c r="H151" s="98">
        <v>128</v>
      </c>
      <c r="I151" s="98">
        <v>142</v>
      </c>
      <c r="J151" s="98">
        <v>12</v>
      </c>
      <c r="K151" s="98">
        <v>227</v>
      </c>
      <c r="L151" s="132">
        <v>31</v>
      </c>
      <c r="M151" s="95">
        <v>691</v>
      </c>
      <c r="N151" s="134">
        <v>576</v>
      </c>
      <c r="O151" s="100">
        <v>0</v>
      </c>
      <c r="P151" s="97">
        <v>255.9</v>
      </c>
      <c r="Q151" s="44"/>
    </row>
    <row r="152" spans="2:17" s="11" customFormat="1" ht="15.75" customHeight="1">
      <c r="B152" s="87"/>
      <c r="C152" s="88" t="s">
        <v>27</v>
      </c>
      <c r="D152" s="257"/>
      <c r="E152" s="266" t="s">
        <v>123</v>
      </c>
      <c r="F152" s="98">
        <v>165</v>
      </c>
      <c r="G152" s="98">
        <v>282</v>
      </c>
      <c r="H152" s="98">
        <v>122</v>
      </c>
      <c r="I152" s="98">
        <v>160</v>
      </c>
      <c r="J152" s="98">
        <v>28</v>
      </c>
      <c r="K152" s="98">
        <v>222</v>
      </c>
      <c r="L152" s="132">
        <v>32</v>
      </c>
      <c r="M152" s="95">
        <v>630</v>
      </c>
      <c r="N152" s="134">
        <v>527</v>
      </c>
      <c r="O152" s="100">
        <v>0</v>
      </c>
      <c r="P152" s="97">
        <v>223.4</v>
      </c>
      <c r="Q152" s="44"/>
    </row>
    <row r="153" spans="2:17" s="11" customFormat="1" ht="15.75" customHeight="1">
      <c r="B153" s="87" t="s">
        <v>50</v>
      </c>
      <c r="C153" s="88" t="s">
        <v>28</v>
      </c>
      <c r="D153" s="257"/>
      <c r="E153" s="266" t="s">
        <v>123</v>
      </c>
      <c r="F153" s="98">
        <v>115</v>
      </c>
      <c r="G153" s="98">
        <v>167</v>
      </c>
      <c r="H153" s="98">
        <v>78</v>
      </c>
      <c r="I153" s="98">
        <v>89</v>
      </c>
      <c r="J153" s="98">
        <v>14</v>
      </c>
      <c r="K153" s="98">
        <v>133</v>
      </c>
      <c r="L153" s="132">
        <v>20</v>
      </c>
      <c r="M153" s="95">
        <v>223</v>
      </c>
      <c r="N153" s="134">
        <v>154</v>
      </c>
      <c r="O153" s="100">
        <v>0</v>
      </c>
      <c r="P153" s="97">
        <v>133.5</v>
      </c>
      <c r="Q153" s="44"/>
    </row>
    <row r="154" spans="2:17" s="11" customFormat="1" ht="15.75" customHeight="1">
      <c r="B154" s="87" t="s">
        <v>280</v>
      </c>
      <c r="C154" s="88" t="s">
        <v>26</v>
      </c>
      <c r="D154" s="257"/>
      <c r="E154" s="266" t="s">
        <v>123</v>
      </c>
      <c r="F154" s="98">
        <v>186</v>
      </c>
      <c r="G154" s="98">
        <v>369</v>
      </c>
      <c r="H154" s="98">
        <v>183</v>
      </c>
      <c r="I154" s="98">
        <v>186</v>
      </c>
      <c r="J154" s="98">
        <v>54</v>
      </c>
      <c r="K154" s="98">
        <v>275</v>
      </c>
      <c r="L154" s="132">
        <v>40</v>
      </c>
      <c r="M154" s="95">
        <v>548</v>
      </c>
      <c r="N154" s="134">
        <v>404</v>
      </c>
      <c r="O154" s="134">
        <v>0</v>
      </c>
      <c r="P154" s="97">
        <v>148.5</v>
      </c>
      <c r="Q154" s="44"/>
    </row>
    <row r="155" spans="2:17" s="11" customFormat="1" ht="15.75" customHeight="1">
      <c r="B155" s="87"/>
      <c r="C155" s="88" t="s">
        <v>27</v>
      </c>
      <c r="D155" s="257"/>
      <c r="E155" s="266" t="s">
        <v>123</v>
      </c>
      <c r="F155" s="98">
        <v>177</v>
      </c>
      <c r="G155" s="98">
        <v>303</v>
      </c>
      <c r="H155" s="98">
        <v>148</v>
      </c>
      <c r="I155" s="98">
        <v>155</v>
      </c>
      <c r="J155" s="98">
        <v>12</v>
      </c>
      <c r="K155" s="98">
        <v>250</v>
      </c>
      <c r="L155" s="132">
        <v>41</v>
      </c>
      <c r="M155" s="95">
        <v>2457</v>
      </c>
      <c r="N155" s="134">
        <v>751</v>
      </c>
      <c r="O155" s="134">
        <v>1586</v>
      </c>
      <c r="P155" s="97">
        <v>810.9</v>
      </c>
      <c r="Q155" s="44"/>
    </row>
    <row r="156" spans="2:17" s="11" customFormat="1" ht="15.75" customHeight="1">
      <c r="B156" s="87"/>
      <c r="C156" s="88" t="s">
        <v>28</v>
      </c>
      <c r="D156" s="257"/>
      <c r="E156" s="266" t="s">
        <v>123</v>
      </c>
      <c r="F156" s="98">
        <v>87</v>
      </c>
      <c r="G156" s="98">
        <v>175</v>
      </c>
      <c r="H156" s="98">
        <v>82</v>
      </c>
      <c r="I156" s="98">
        <v>93</v>
      </c>
      <c r="J156" s="98">
        <v>11</v>
      </c>
      <c r="K156" s="98">
        <v>135</v>
      </c>
      <c r="L156" s="132">
        <v>29</v>
      </c>
      <c r="M156" s="95">
        <v>740</v>
      </c>
      <c r="N156" s="134">
        <v>688</v>
      </c>
      <c r="O156" s="100">
        <v>0</v>
      </c>
      <c r="P156" s="97">
        <v>422.9</v>
      </c>
      <c r="Q156" s="44"/>
    </row>
    <row r="157" spans="2:17" s="11" customFormat="1" ht="15.75" customHeight="1">
      <c r="B157" s="87" t="s">
        <v>281</v>
      </c>
      <c r="C157" s="88" t="s">
        <v>26</v>
      </c>
      <c r="D157" s="257"/>
      <c r="E157" s="266" t="s">
        <v>123</v>
      </c>
      <c r="F157" s="98">
        <v>76</v>
      </c>
      <c r="G157" s="98">
        <v>141</v>
      </c>
      <c r="H157" s="98">
        <v>69</v>
      </c>
      <c r="I157" s="98">
        <v>72</v>
      </c>
      <c r="J157" s="98">
        <v>21</v>
      </c>
      <c r="K157" s="98">
        <v>99</v>
      </c>
      <c r="L157" s="132">
        <v>21</v>
      </c>
      <c r="M157" s="95">
        <v>234</v>
      </c>
      <c r="N157" s="134">
        <v>173</v>
      </c>
      <c r="O157" s="100">
        <v>0</v>
      </c>
      <c r="P157" s="97">
        <v>166</v>
      </c>
      <c r="Q157" s="44"/>
    </row>
    <row r="158" spans="2:17" s="11" customFormat="1" ht="15.75" customHeight="1">
      <c r="B158" s="87"/>
      <c r="C158" s="88" t="s">
        <v>27</v>
      </c>
      <c r="D158" s="257"/>
      <c r="E158" s="266" t="s">
        <v>123</v>
      </c>
      <c r="F158" s="98">
        <v>107</v>
      </c>
      <c r="G158" s="98">
        <v>164</v>
      </c>
      <c r="H158" s="98">
        <v>71</v>
      </c>
      <c r="I158" s="98">
        <v>93</v>
      </c>
      <c r="J158" s="98">
        <v>4</v>
      </c>
      <c r="K158" s="98">
        <v>141</v>
      </c>
      <c r="L158" s="132">
        <v>19</v>
      </c>
      <c r="M158" s="95">
        <v>546</v>
      </c>
      <c r="N158" s="134">
        <v>292</v>
      </c>
      <c r="O158" s="134">
        <v>189</v>
      </c>
      <c r="P158" s="97">
        <v>332.9</v>
      </c>
      <c r="Q158" s="44"/>
    </row>
    <row r="159" spans="2:17" s="11" customFormat="1" ht="15.75" customHeight="1">
      <c r="B159" s="87" t="s">
        <v>282</v>
      </c>
      <c r="C159" s="88"/>
      <c r="D159" s="257"/>
      <c r="E159" s="258" t="s">
        <v>123</v>
      </c>
      <c r="F159" s="98">
        <v>63</v>
      </c>
      <c r="G159" s="98">
        <v>121</v>
      </c>
      <c r="H159" s="98">
        <v>56</v>
      </c>
      <c r="I159" s="98">
        <v>65</v>
      </c>
      <c r="J159" s="98">
        <v>12</v>
      </c>
      <c r="K159" s="98">
        <v>86</v>
      </c>
      <c r="L159" s="132">
        <v>23</v>
      </c>
      <c r="M159" s="95">
        <v>624</v>
      </c>
      <c r="N159" s="134">
        <v>577</v>
      </c>
      <c r="O159" s="100">
        <v>0</v>
      </c>
      <c r="P159" s="97">
        <v>515.70000000000005</v>
      </c>
      <c r="Q159" s="44"/>
    </row>
    <row r="160" spans="2:17" s="11" customFormat="1" ht="15.75" customHeight="1">
      <c r="B160" s="87" t="s">
        <v>283</v>
      </c>
      <c r="C160" s="88" t="s">
        <v>26</v>
      </c>
      <c r="D160" s="257"/>
      <c r="E160" s="258" t="s">
        <v>123</v>
      </c>
      <c r="F160" s="98">
        <v>68</v>
      </c>
      <c r="G160" s="98">
        <v>93</v>
      </c>
      <c r="H160" s="98">
        <v>42</v>
      </c>
      <c r="I160" s="98">
        <v>51</v>
      </c>
      <c r="J160" s="98">
        <v>5</v>
      </c>
      <c r="K160" s="98">
        <v>77</v>
      </c>
      <c r="L160" s="132">
        <v>11</v>
      </c>
      <c r="M160" s="95">
        <v>863</v>
      </c>
      <c r="N160" s="134">
        <v>796</v>
      </c>
      <c r="O160" s="100">
        <v>0</v>
      </c>
      <c r="P160" s="97">
        <v>928</v>
      </c>
      <c r="Q160" s="44"/>
    </row>
    <row r="161" spans="1:17" s="11" customFormat="1" ht="15.75" customHeight="1">
      <c r="B161" s="87" t="s">
        <v>123</v>
      </c>
      <c r="C161" s="88" t="s">
        <v>27</v>
      </c>
      <c r="D161" s="257"/>
      <c r="E161" s="258"/>
      <c r="F161" s="98">
        <v>156</v>
      </c>
      <c r="G161" s="98">
        <v>221</v>
      </c>
      <c r="H161" s="98">
        <v>116</v>
      </c>
      <c r="I161" s="98">
        <v>105</v>
      </c>
      <c r="J161" s="98">
        <v>10</v>
      </c>
      <c r="K161" s="98">
        <v>193</v>
      </c>
      <c r="L161" s="132">
        <v>18</v>
      </c>
      <c r="M161" s="95">
        <v>648</v>
      </c>
      <c r="N161" s="134">
        <v>533</v>
      </c>
      <c r="O161" s="100">
        <v>0</v>
      </c>
      <c r="P161" s="97">
        <v>293.2</v>
      </c>
      <c r="Q161" s="44"/>
    </row>
    <row r="162" spans="1:17" s="11" customFormat="1" ht="15.75" customHeight="1">
      <c r="B162" s="87" t="s">
        <v>284</v>
      </c>
      <c r="C162" s="88" t="s">
        <v>26</v>
      </c>
      <c r="D162" s="257"/>
      <c r="E162" s="258"/>
      <c r="F162" s="98">
        <v>121</v>
      </c>
      <c r="G162" s="98">
        <v>181</v>
      </c>
      <c r="H162" s="98">
        <v>94</v>
      </c>
      <c r="I162" s="98">
        <v>87</v>
      </c>
      <c r="J162" s="98">
        <v>9</v>
      </c>
      <c r="K162" s="98">
        <v>143</v>
      </c>
      <c r="L162" s="132">
        <v>29</v>
      </c>
      <c r="M162" s="95">
        <v>370</v>
      </c>
      <c r="N162" s="134">
        <v>272</v>
      </c>
      <c r="O162" s="100">
        <v>0</v>
      </c>
      <c r="P162" s="97">
        <v>204.4</v>
      </c>
      <c r="Q162" s="44"/>
    </row>
    <row r="163" spans="1:17" s="11" customFormat="1" ht="15.75" customHeight="1">
      <c r="A163" s="66"/>
      <c r="B163" s="110"/>
      <c r="C163" s="111" t="s">
        <v>27</v>
      </c>
      <c r="D163" s="260"/>
      <c r="E163" s="273" t="s">
        <v>123</v>
      </c>
      <c r="F163" s="114">
        <v>292</v>
      </c>
      <c r="G163" s="114">
        <v>362</v>
      </c>
      <c r="H163" s="114">
        <v>164</v>
      </c>
      <c r="I163" s="114">
        <v>198</v>
      </c>
      <c r="J163" s="114">
        <v>19</v>
      </c>
      <c r="K163" s="114">
        <v>324</v>
      </c>
      <c r="L163" s="276">
        <v>19</v>
      </c>
      <c r="M163" s="119">
        <v>710</v>
      </c>
      <c r="N163" s="128">
        <v>552</v>
      </c>
      <c r="O163" s="121">
        <v>0</v>
      </c>
      <c r="P163" s="122">
        <v>196.1</v>
      </c>
      <c r="Q163" s="44"/>
    </row>
    <row r="164" spans="1:17" s="11" customFormat="1" ht="15" customHeight="1">
      <c r="B164" s="87" t="s">
        <v>285</v>
      </c>
      <c r="C164" s="88" t="s">
        <v>26</v>
      </c>
      <c r="D164" s="257"/>
      <c r="E164" s="108"/>
      <c r="F164" s="98">
        <v>207</v>
      </c>
      <c r="G164" s="126">
        <v>390</v>
      </c>
      <c r="H164" s="98">
        <v>172</v>
      </c>
      <c r="I164" s="126">
        <v>218</v>
      </c>
      <c r="J164" s="94">
        <v>36</v>
      </c>
      <c r="K164" s="94">
        <v>302</v>
      </c>
      <c r="L164" s="94">
        <v>52</v>
      </c>
      <c r="M164" s="95">
        <v>1692</v>
      </c>
      <c r="N164" s="96">
        <v>1555</v>
      </c>
      <c r="O164" s="277">
        <v>0</v>
      </c>
      <c r="P164" s="97">
        <v>433.8</v>
      </c>
      <c r="Q164" s="44"/>
    </row>
    <row r="165" spans="1:17" s="11" customFormat="1" ht="15" customHeight="1">
      <c r="B165" s="87"/>
      <c r="C165" s="88" t="s">
        <v>27</v>
      </c>
      <c r="D165" s="257"/>
      <c r="E165" s="108"/>
      <c r="F165" s="98">
        <v>166</v>
      </c>
      <c r="G165" s="126">
        <v>282</v>
      </c>
      <c r="H165" s="98">
        <v>130</v>
      </c>
      <c r="I165" s="126">
        <v>152</v>
      </c>
      <c r="J165" s="94">
        <v>20</v>
      </c>
      <c r="K165" s="94">
        <v>219</v>
      </c>
      <c r="L165" s="94">
        <v>43</v>
      </c>
      <c r="M165" s="95">
        <v>2892</v>
      </c>
      <c r="N165" s="96">
        <v>2775</v>
      </c>
      <c r="O165" s="277">
        <v>0</v>
      </c>
      <c r="P165" s="97">
        <v>1025.5</v>
      </c>
      <c r="Q165" s="44"/>
    </row>
    <row r="166" spans="1:17" s="11" customFormat="1" ht="15" customHeight="1">
      <c r="B166" s="87" t="s">
        <v>286</v>
      </c>
      <c r="C166" s="88" t="s">
        <v>26</v>
      </c>
      <c r="D166" s="257"/>
      <c r="E166" s="108"/>
      <c r="F166" s="98">
        <v>125</v>
      </c>
      <c r="G166" s="126">
        <v>255</v>
      </c>
      <c r="H166" s="98">
        <v>117</v>
      </c>
      <c r="I166" s="126">
        <v>138</v>
      </c>
      <c r="J166" s="94">
        <v>33</v>
      </c>
      <c r="K166" s="94">
        <v>185</v>
      </c>
      <c r="L166" s="94">
        <v>37</v>
      </c>
      <c r="M166" s="95">
        <v>368</v>
      </c>
      <c r="N166" s="96">
        <v>267</v>
      </c>
      <c r="O166" s="277">
        <v>0</v>
      </c>
      <c r="P166" s="97">
        <v>144.30000000000001</v>
      </c>
      <c r="Q166" s="44"/>
    </row>
    <row r="167" spans="1:17" s="11" customFormat="1" ht="15" customHeight="1">
      <c r="B167" s="87"/>
      <c r="C167" s="88" t="s">
        <v>27</v>
      </c>
      <c r="D167" s="257"/>
      <c r="E167" s="108"/>
      <c r="F167" s="98">
        <v>180</v>
      </c>
      <c r="G167" s="126">
        <v>222</v>
      </c>
      <c r="H167" s="98">
        <v>114</v>
      </c>
      <c r="I167" s="126">
        <v>108</v>
      </c>
      <c r="J167" s="94">
        <v>9</v>
      </c>
      <c r="K167" s="94">
        <v>175</v>
      </c>
      <c r="L167" s="94">
        <v>38</v>
      </c>
      <c r="M167" s="95">
        <v>353</v>
      </c>
      <c r="N167" s="96">
        <v>217</v>
      </c>
      <c r="O167" s="277">
        <v>0</v>
      </c>
      <c r="P167" s="97">
        <v>159</v>
      </c>
      <c r="Q167" s="44"/>
    </row>
    <row r="168" spans="1:17" s="11" customFormat="1" ht="15" customHeight="1">
      <c r="B168" s="87" t="s">
        <v>287</v>
      </c>
      <c r="C168" s="88" t="s">
        <v>26</v>
      </c>
      <c r="D168" s="257"/>
      <c r="E168" s="108"/>
      <c r="F168" s="98">
        <v>47</v>
      </c>
      <c r="G168" s="126">
        <v>87</v>
      </c>
      <c r="H168" s="98">
        <v>37</v>
      </c>
      <c r="I168" s="126">
        <v>50</v>
      </c>
      <c r="J168" s="94">
        <v>6</v>
      </c>
      <c r="K168" s="94">
        <v>61</v>
      </c>
      <c r="L168" s="94">
        <v>20</v>
      </c>
      <c r="M168" s="95">
        <v>2577</v>
      </c>
      <c r="N168" s="96">
        <v>2537</v>
      </c>
      <c r="O168" s="277">
        <v>0</v>
      </c>
      <c r="P168" s="97">
        <v>2962.1</v>
      </c>
      <c r="Q168" s="44"/>
    </row>
    <row r="169" spans="1:17" s="11" customFormat="1" ht="15" customHeight="1">
      <c r="B169" s="87"/>
      <c r="C169" s="88" t="s">
        <v>27</v>
      </c>
      <c r="D169" s="257"/>
      <c r="E169" s="108"/>
      <c r="F169" s="98">
        <v>241</v>
      </c>
      <c r="G169" s="126">
        <v>284</v>
      </c>
      <c r="H169" s="98">
        <v>122</v>
      </c>
      <c r="I169" s="126">
        <v>162</v>
      </c>
      <c r="J169" s="94">
        <v>7</v>
      </c>
      <c r="K169" s="94">
        <v>260</v>
      </c>
      <c r="L169" s="94">
        <v>17</v>
      </c>
      <c r="M169" s="95">
        <v>927</v>
      </c>
      <c r="N169" s="96">
        <v>800</v>
      </c>
      <c r="O169" s="277">
        <v>0</v>
      </c>
      <c r="P169" s="97">
        <v>326.39999999999998</v>
      </c>
      <c r="Q169" s="44"/>
    </row>
    <row r="170" spans="1:17" s="11" customFormat="1" ht="15" customHeight="1">
      <c r="B170" s="87" t="s">
        <v>288</v>
      </c>
      <c r="C170" s="88"/>
      <c r="D170" s="257"/>
      <c r="E170" s="108"/>
      <c r="F170" s="98">
        <v>498</v>
      </c>
      <c r="G170" s="126">
        <v>766</v>
      </c>
      <c r="H170" s="98">
        <v>363</v>
      </c>
      <c r="I170" s="126">
        <v>403</v>
      </c>
      <c r="J170" s="94">
        <v>57</v>
      </c>
      <c r="K170" s="94">
        <v>627</v>
      </c>
      <c r="L170" s="94">
        <v>82</v>
      </c>
      <c r="M170" s="95">
        <v>2629</v>
      </c>
      <c r="N170" s="96">
        <v>2278</v>
      </c>
      <c r="O170" s="277">
        <v>0</v>
      </c>
      <c r="P170" s="97">
        <v>343.2</v>
      </c>
      <c r="Q170" s="44"/>
    </row>
    <row r="171" spans="1:17" s="11" customFormat="1" ht="15" customHeight="1">
      <c r="B171" s="87" t="s">
        <v>289</v>
      </c>
      <c r="C171" s="88" t="s">
        <v>26</v>
      </c>
      <c r="D171" s="257"/>
      <c r="E171" s="108"/>
      <c r="F171" s="98">
        <v>82</v>
      </c>
      <c r="G171" s="126">
        <v>138</v>
      </c>
      <c r="H171" s="98">
        <v>45</v>
      </c>
      <c r="I171" s="126">
        <v>93</v>
      </c>
      <c r="J171" s="94">
        <v>5</v>
      </c>
      <c r="K171" s="94">
        <v>91</v>
      </c>
      <c r="L171" s="94">
        <v>42</v>
      </c>
      <c r="M171" s="95">
        <v>1824</v>
      </c>
      <c r="N171" s="96">
        <v>1788</v>
      </c>
      <c r="O171" s="277">
        <v>0</v>
      </c>
      <c r="P171" s="97">
        <v>1321.7</v>
      </c>
      <c r="Q171" s="44"/>
    </row>
    <row r="172" spans="1:17" s="11" customFormat="1" ht="15" customHeight="1">
      <c r="B172" s="87" t="s">
        <v>0</v>
      </c>
      <c r="C172" s="88" t="s">
        <v>27</v>
      </c>
      <c r="D172" s="257"/>
      <c r="E172" s="108"/>
      <c r="F172" s="98">
        <v>169</v>
      </c>
      <c r="G172" s="126">
        <v>297</v>
      </c>
      <c r="H172" s="98">
        <v>144</v>
      </c>
      <c r="I172" s="126">
        <v>153</v>
      </c>
      <c r="J172" s="94">
        <v>22</v>
      </c>
      <c r="K172" s="94">
        <v>239</v>
      </c>
      <c r="L172" s="94">
        <v>36</v>
      </c>
      <c r="M172" s="95">
        <v>3487</v>
      </c>
      <c r="N172" s="96">
        <v>3349</v>
      </c>
      <c r="O172" s="277">
        <v>0</v>
      </c>
      <c r="P172" s="97">
        <v>1174.0999999999999</v>
      </c>
      <c r="Q172" s="44"/>
    </row>
    <row r="173" spans="1:17" s="11" customFormat="1" ht="15" customHeight="1">
      <c r="B173" s="87"/>
      <c r="C173" s="88" t="s">
        <v>28</v>
      </c>
      <c r="D173" s="257"/>
      <c r="E173" s="108"/>
      <c r="F173" s="98">
        <v>189</v>
      </c>
      <c r="G173" s="126">
        <v>220</v>
      </c>
      <c r="H173" s="98">
        <v>95</v>
      </c>
      <c r="I173" s="126">
        <v>125</v>
      </c>
      <c r="J173" s="94">
        <v>3</v>
      </c>
      <c r="K173" s="94">
        <v>209</v>
      </c>
      <c r="L173" s="94">
        <v>8</v>
      </c>
      <c r="M173" s="95">
        <v>1549</v>
      </c>
      <c r="N173" s="96">
        <v>1432</v>
      </c>
      <c r="O173" s="277">
        <v>0</v>
      </c>
      <c r="P173" s="97">
        <v>704.1</v>
      </c>
      <c r="Q173" s="44"/>
    </row>
    <row r="174" spans="1:17" s="11" customFormat="1" ht="15" customHeight="1">
      <c r="B174" s="87"/>
      <c r="C174" s="88" t="s">
        <v>29</v>
      </c>
      <c r="D174" s="257"/>
      <c r="E174" s="108"/>
      <c r="F174" s="98">
        <v>568</v>
      </c>
      <c r="G174" s="126">
        <v>1042</v>
      </c>
      <c r="H174" s="98">
        <v>498</v>
      </c>
      <c r="I174" s="126">
        <v>544</v>
      </c>
      <c r="J174" s="94">
        <v>117</v>
      </c>
      <c r="K174" s="94">
        <v>778</v>
      </c>
      <c r="L174" s="94">
        <v>135</v>
      </c>
      <c r="M174" s="95">
        <v>2336</v>
      </c>
      <c r="N174" s="96">
        <v>1898</v>
      </c>
      <c r="O174" s="277">
        <v>0</v>
      </c>
      <c r="P174" s="97">
        <v>226.8</v>
      </c>
      <c r="Q174" s="44"/>
    </row>
    <row r="175" spans="1:17" s="11" customFormat="1" ht="15" customHeight="1">
      <c r="B175" s="87"/>
      <c r="C175" s="88" t="s">
        <v>30</v>
      </c>
      <c r="D175" s="257"/>
      <c r="E175" s="108"/>
      <c r="F175" s="98">
        <v>503</v>
      </c>
      <c r="G175" s="126">
        <v>944</v>
      </c>
      <c r="H175" s="98">
        <v>407</v>
      </c>
      <c r="I175" s="126">
        <v>537</v>
      </c>
      <c r="J175" s="94">
        <v>103</v>
      </c>
      <c r="K175" s="94">
        <v>684</v>
      </c>
      <c r="L175" s="94">
        <v>157</v>
      </c>
      <c r="M175" s="95">
        <v>983</v>
      </c>
      <c r="N175" s="96">
        <v>595</v>
      </c>
      <c r="O175" s="277">
        <v>0</v>
      </c>
      <c r="P175" s="97">
        <v>104.1</v>
      </c>
      <c r="Q175" s="44"/>
    </row>
    <row r="176" spans="1:17" s="11" customFormat="1" ht="15" customHeight="1">
      <c r="B176" s="87"/>
      <c r="C176" s="88" t="s">
        <v>31</v>
      </c>
      <c r="D176" s="257"/>
      <c r="E176" s="108"/>
      <c r="F176" s="98">
        <v>1523</v>
      </c>
      <c r="G176" s="126">
        <v>3015</v>
      </c>
      <c r="H176" s="98">
        <v>1340</v>
      </c>
      <c r="I176" s="126">
        <v>1675</v>
      </c>
      <c r="J176" s="94">
        <v>278</v>
      </c>
      <c r="K176" s="94">
        <v>1969</v>
      </c>
      <c r="L176" s="94">
        <v>768</v>
      </c>
      <c r="M176" s="95">
        <v>3913</v>
      </c>
      <c r="N176" s="96">
        <v>2040</v>
      </c>
      <c r="O176" s="96">
        <v>601</v>
      </c>
      <c r="P176" s="97">
        <v>129.80000000000001</v>
      </c>
      <c r="Q176" s="44"/>
    </row>
    <row r="177" spans="2:17" s="11" customFormat="1" ht="15" customHeight="1">
      <c r="B177" s="87"/>
      <c r="C177" s="88" t="s">
        <v>32</v>
      </c>
      <c r="D177" s="257"/>
      <c r="E177" s="108"/>
      <c r="F177" s="98">
        <v>814</v>
      </c>
      <c r="G177" s="126">
        <v>1642</v>
      </c>
      <c r="H177" s="98">
        <v>710</v>
      </c>
      <c r="I177" s="126">
        <v>932</v>
      </c>
      <c r="J177" s="94">
        <v>146</v>
      </c>
      <c r="K177" s="94">
        <v>1137</v>
      </c>
      <c r="L177" s="94">
        <v>359</v>
      </c>
      <c r="M177" s="95">
        <v>2192</v>
      </c>
      <c r="N177" s="96">
        <v>1550</v>
      </c>
      <c r="O177" s="277">
        <v>0</v>
      </c>
      <c r="P177" s="97">
        <v>133.5</v>
      </c>
      <c r="Q177" s="44"/>
    </row>
    <row r="178" spans="2:17" s="11" customFormat="1" ht="15" customHeight="1">
      <c r="B178" s="87"/>
      <c r="C178" s="88" t="s">
        <v>33</v>
      </c>
      <c r="D178" s="257"/>
      <c r="E178" s="108"/>
      <c r="F178" s="98">
        <v>273</v>
      </c>
      <c r="G178" s="126">
        <v>626</v>
      </c>
      <c r="H178" s="98">
        <v>302</v>
      </c>
      <c r="I178" s="126">
        <v>324</v>
      </c>
      <c r="J178" s="94">
        <v>81</v>
      </c>
      <c r="K178" s="94">
        <v>427</v>
      </c>
      <c r="L178" s="94">
        <v>118</v>
      </c>
      <c r="M178" s="95">
        <v>551</v>
      </c>
      <c r="N178" s="96">
        <v>321</v>
      </c>
      <c r="O178" s="277">
        <v>0</v>
      </c>
      <c r="P178" s="97">
        <v>88</v>
      </c>
      <c r="Q178" s="44"/>
    </row>
    <row r="179" spans="2:17" s="11" customFormat="1" ht="15" customHeight="1">
      <c r="B179" s="87"/>
      <c r="C179" s="88" t="s">
        <v>34</v>
      </c>
      <c r="D179" s="257"/>
      <c r="E179" s="108"/>
      <c r="F179" s="98">
        <v>536</v>
      </c>
      <c r="G179" s="126">
        <v>927</v>
      </c>
      <c r="H179" s="98">
        <v>407</v>
      </c>
      <c r="I179" s="126">
        <v>520</v>
      </c>
      <c r="J179" s="94">
        <v>88</v>
      </c>
      <c r="K179" s="94">
        <v>668</v>
      </c>
      <c r="L179" s="94">
        <v>171</v>
      </c>
      <c r="M179" s="95">
        <v>2124</v>
      </c>
      <c r="N179" s="96">
        <v>1738</v>
      </c>
      <c r="O179" s="277">
        <v>0</v>
      </c>
      <c r="P179" s="97">
        <v>229.1</v>
      </c>
      <c r="Q179" s="44"/>
    </row>
    <row r="180" spans="2:17" s="11" customFormat="1" ht="15" customHeight="1">
      <c r="B180" s="87" t="s">
        <v>290</v>
      </c>
      <c r="C180" s="88" t="s">
        <v>26</v>
      </c>
      <c r="D180" s="257"/>
      <c r="E180" s="108"/>
      <c r="F180" s="98">
        <v>136</v>
      </c>
      <c r="G180" s="126">
        <v>189</v>
      </c>
      <c r="H180" s="98">
        <v>84</v>
      </c>
      <c r="I180" s="126">
        <v>105</v>
      </c>
      <c r="J180" s="94">
        <v>2</v>
      </c>
      <c r="K180" s="94">
        <v>145</v>
      </c>
      <c r="L180" s="94">
        <v>42</v>
      </c>
      <c r="M180" s="95">
        <v>10793</v>
      </c>
      <c r="N180" s="96">
        <v>9043</v>
      </c>
      <c r="O180" s="96">
        <v>1627</v>
      </c>
      <c r="P180" s="97">
        <v>5710.6</v>
      </c>
      <c r="Q180" s="44"/>
    </row>
    <row r="181" spans="2:17" s="11" customFormat="1" ht="15.75" customHeight="1">
      <c r="B181" s="87"/>
      <c r="C181" s="88" t="s">
        <v>27</v>
      </c>
      <c r="D181" s="257"/>
      <c r="E181" s="108"/>
      <c r="F181" s="101" t="s">
        <v>192</v>
      </c>
      <c r="G181" s="101" t="s">
        <v>192</v>
      </c>
      <c r="H181" s="101" t="s">
        <v>192</v>
      </c>
      <c r="I181" s="101" t="s">
        <v>192</v>
      </c>
      <c r="J181" s="101" t="s">
        <v>192</v>
      </c>
      <c r="K181" s="101" t="s">
        <v>192</v>
      </c>
      <c r="L181" s="101" t="s">
        <v>192</v>
      </c>
      <c r="M181" s="95">
        <v>6970</v>
      </c>
      <c r="N181" s="96">
        <v>4791</v>
      </c>
      <c r="O181" s="96">
        <v>2179</v>
      </c>
      <c r="P181" s="104" t="s">
        <v>99</v>
      </c>
      <c r="Q181" s="44"/>
    </row>
    <row r="182" spans="2:17" s="11" customFormat="1" ht="15.75" customHeight="1">
      <c r="B182" s="87"/>
      <c r="C182" s="88" t="s">
        <v>28</v>
      </c>
      <c r="D182" s="257"/>
      <c r="E182" s="108"/>
      <c r="F182" s="101" t="s">
        <v>192</v>
      </c>
      <c r="G182" s="101" t="s">
        <v>192</v>
      </c>
      <c r="H182" s="101" t="s">
        <v>192</v>
      </c>
      <c r="I182" s="101" t="s">
        <v>192</v>
      </c>
      <c r="J182" s="101" t="s">
        <v>192</v>
      </c>
      <c r="K182" s="101" t="s">
        <v>192</v>
      </c>
      <c r="L182" s="101" t="s">
        <v>192</v>
      </c>
      <c r="M182" s="95">
        <v>3907</v>
      </c>
      <c r="N182" s="96">
        <v>3907</v>
      </c>
      <c r="O182" s="277">
        <v>0</v>
      </c>
      <c r="P182" s="104" t="s">
        <v>99</v>
      </c>
      <c r="Q182" s="44"/>
    </row>
    <row r="183" spans="2:17" s="11" customFormat="1" ht="15.75" customHeight="1">
      <c r="B183" s="87"/>
      <c r="C183" s="88" t="s">
        <v>29</v>
      </c>
      <c r="D183" s="257"/>
      <c r="E183" s="108"/>
      <c r="F183" s="101" t="s">
        <v>192</v>
      </c>
      <c r="G183" s="101" t="s">
        <v>192</v>
      </c>
      <c r="H183" s="101" t="s">
        <v>192</v>
      </c>
      <c r="I183" s="101" t="s">
        <v>192</v>
      </c>
      <c r="J183" s="101" t="s">
        <v>192</v>
      </c>
      <c r="K183" s="101" t="s">
        <v>192</v>
      </c>
      <c r="L183" s="101" t="s">
        <v>192</v>
      </c>
      <c r="M183" s="95">
        <v>3404</v>
      </c>
      <c r="N183" s="96">
        <v>3096</v>
      </c>
      <c r="O183" s="96">
        <v>308</v>
      </c>
      <c r="P183" s="104" t="s">
        <v>99</v>
      </c>
      <c r="Q183" s="44"/>
    </row>
    <row r="184" spans="2:17" s="11" customFormat="1" ht="15.75" customHeight="1">
      <c r="B184" s="87" t="s">
        <v>291</v>
      </c>
      <c r="C184" s="88" t="s">
        <v>26</v>
      </c>
      <c r="D184" s="257"/>
      <c r="E184" s="108"/>
      <c r="F184" s="98">
        <v>199</v>
      </c>
      <c r="G184" s="126">
        <v>514</v>
      </c>
      <c r="H184" s="98">
        <v>200</v>
      </c>
      <c r="I184" s="126">
        <v>314</v>
      </c>
      <c r="J184" s="94">
        <v>37</v>
      </c>
      <c r="K184" s="94">
        <v>306</v>
      </c>
      <c r="L184" s="94">
        <v>171</v>
      </c>
      <c r="M184" s="95">
        <v>2552</v>
      </c>
      <c r="N184" s="96">
        <v>2053</v>
      </c>
      <c r="O184" s="96">
        <v>235</v>
      </c>
      <c r="P184" s="97">
        <v>496.5</v>
      </c>
      <c r="Q184" s="44"/>
    </row>
    <row r="185" spans="2:17" s="11" customFormat="1" ht="15.75" customHeight="1">
      <c r="B185" s="87"/>
      <c r="C185" s="88" t="s">
        <v>27</v>
      </c>
      <c r="D185" s="257"/>
      <c r="E185" s="108"/>
      <c r="F185" s="98">
        <v>178</v>
      </c>
      <c r="G185" s="126">
        <v>356</v>
      </c>
      <c r="H185" s="98">
        <v>167</v>
      </c>
      <c r="I185" s="126">
        <v>189</v>
      </c>
      <c r="J185" s="94">
        <v>31</v>
      </c>
      <c r="K185" s="94">
        <v>250</v>
      </c>
      <c r="L185" s="94">
        <v>75</v>
      </c>
      <c r="M185" s="95">
        <v>2372</v>
      </c>
      <c r="N185" s="96">
        <v>2241</v>
      </c>
      <c r="O185" s="277">
        <v>0</v>
      </c>
      <c r="P185" s="97">
        <v>666.3</v>
      </c>
      <c r="Q185" s="44"/>
    </row>
    <row r="186" spans="2:17" s="11" customFormat="1" ht="15.75" customHeight="1">
      <c r="B186" s="87"/>
      <c r="C186" s="88" t="s">
        <v>28</v>
      </c>
      <c r="D186" s="257"/>
      <c r="E186" s="108"/>
      <c r="F186" s="98">
        <v>151</v>
      </c>
      <c r="G186" s="126">
        <v>158</v>
      </c>
      <c r="H186" s="98">
        <v>78</v>
      </c>
      <c r="I186" s="126">
        <v>80</v>
      </c>
      <c r="J186" s="94" t="s">
        <v>219</v>
      </c>
      <c r="K186" s="94">
        <v>154</v>
      </c>
      <c r="L186" s="94">
        <v>4</v>
      </c>
      <c r="M186" s="95">
        <v>234</v>
      </c>
      <c r="N186" s="96">
        <v>109</v>
      </c>
      <c r="O186" s="277">
        <v>0</v>
      </c>
      <c r="P186" s="97">
        <v>148.1</v>
      </c>
      <c r="Q186" s="44"/>
    </row>
    <row r="187" spans="2:17" s="11" customFormat="1" ht="15.75" customHeight="1">
      <c r="B187" s="87" t="s">
        <v>292</v>
      </c>
      <c r="C187" s="88" t="s">
        <v>26</v>
      </c>
      <c r="D187" s="257"/>
      <c r="E187" s="108"/>
      <c r="F187" s="98">
        <v>132</v>
      </c>
      <c r="G187" s="126">
        <v>180</v>
      </c>
      <c r="H187" s="98">
        <v>81</v>
      </c>
      <c r="I187" s="126">
        <v>99</v>
      </c>
      <c r="J187" s="94">
        <v>15</v>
      </c>
      <c r="K187" s="94">
        <v>151</v>
      </c>
      <c r="L187" s="94">
        <v>14</v>
      </c>
      <c r="M187" s="95">
        <v>576</v>
      </c>
      <c r="N187" s="96">
        <v>496</v>
      </c>
      <c r="O187" s="277">
        <v>0</v>
      </c>
      <c r="P187" s="97">
        <v>320</v>
      </c>
      <c r="Q187" s="44"/>
    </row>
    <row r="188" spans="2:17" s="11" customFormat="1" ht="15.75" customHeight="1">
      <c r="B188" s="87"/>
      <c r="C188" s="88" t="s">
        <v>27</v>
      </c>
      <c r="D188" s="257"/>
      <c r="E188" s="108"/>
      <c r="F188" s="98">
        <v>86</v>
      </c>
      <c r="G188" s="126">
        <v>205</v>
      </c>
      <c r="H188" s="98">
        <v>72</v>
      </c>
      <c r="I188" s="126">
        <v>133</v>
      </c>
      <c r="J188" s="94">
        <v>17</v>
      </c>
      <c r="K188" s="94">
        <v>164</v>
      </c>
      <c r="L188" s="94">
        <v>24</v>
      </c>
      <c r="M188" s="95">
        <v>536</v>
      </c>
      <c r="N188" s="96">
        <v>495</v>
      </c>
      <c r="O188" s="277">
        <v>0</v>
      </c>
      <c r="P188" s="97">
        <v>261.5</v>
      </c>
      <c r="Q188" s="44"/>
    </row>
    <row r="189" spans="2:17" s="11" customFormat="1" ht="15.75" customHeight="1">
      <c r="B189" s="87" t="s">
        <v>293</v>
      </c>
      <c r="C189" s="88" t="s">
        <v>26</v>
      </c>
      <c r="D189" s="257"/>
      <c r="E189" s="108"/>
      <c r="F189" s="101" t="s">
        <v>192</v>
      </c>
      <c r="G189" s="101" t="s">
        <v>192</v>
      </c>
      <c r="H189" s="101" t="s">
        <v>192</v>
      </c>
      <c r="I189" s="101" t="s">
        <v>192</v>
      </c>
      <c r="J189" s="101" t="s">
        <v>192</v>
      </c>
      <c r="K189" s="101" t="s">
        <v>192</v>
      </c>
      <c r="L189" s="101" t="s">
        <v>192</v>
      </c>
      <c r="M189" s="102">
        <v>8</v>
      </c>
      <c r="N189" s="103">
        <v>8</v>
      </c>
      <c r="O189" s="277">
        <v>0</v>
      </c>
      <c r="P189" s="104" t="s">
        <v>99</v>
      </c>
      <c r="Q189" s="44"/>
    </row>
    <row r="190" spans="2:17" s="11" customFormat="1" ht="15.75" customHeight="1">
      <c r="B190" s="87"/>
      <c r="C190" s="88" t="s">
        <v>27</v>
      </c>
      <c r="D190" s="257"/>
      <c r="E190" s="108"/>
      <c r="F190" s="98">
        <v>306</v>
      </c>
      <c r="G190" s="126">
        <v>660</v>
      </c>
      <c r="H190" s="98">
        <v>311</v>
      </c>
      <c r="I190" s="126">
        <v>349</v>
      </c>
      <c r="J190" s="94">
        <v>83</v>
      </c>
      <c r="K190" s="94">
        <v>465</v>
      </c>
      <c r="L190" s="94">
        <v>112</v>
      </c>
      <c r="M190" s="95">
        <v>650</v>
      </c>
      <c r="N190" s="96">
        <v>386</v>
      </c>
      <c r="O190" s="277">
        <v>0</v>
      </c>
      <c r="P190" s="97">
        <v>98.5</v>
      </c>
      <c r="Q190" s="44"/>
    </row>
    <row r="191" spans="2:17" s="11" customFormat="1" ht="15.75" customHeight="1">
      <c r="B191" s="87"/>
      <c r="C191" s="88" t="s">
        <v>28</v>
      </c>
      <c r="D191" s="257"/>
      <c r="E191" s="108"/>
      <c r="F191" s="98">
        <v>245</v>
      </c>
      <c r="G191" s="126">
        <v>319</v>
      </c>
      <c r="H191" s="98">
        <v>150</v>
      </c>
      <c r="I191" s="126">
        <v>169</v>
      </c>
      <c r="J191" s="94">
        <v>18</v>
      </c>
      <c r="K191" s="94">
        <v>274</v>
      </c>
      <c r="L191" s="94">
        <v>27</v>
      </c>
      <c r="M191" s="95">
        <v>421</v>
      </c>
      <c r="N191" s="96">
        <v>304</v>
      </c>
      <c r="O191" s="277">
        <v>0</v>
      </c>
      <c r="P191" s="97">
        <v>132</v>
      </c>
      <c r="Q191" s="44"/>
    </row>
    <row r="192" spans="2:17" s="11" customFormat="1" ht="15.75" customHeight="1">
      <c r="B192" s="87"/>
      <c r="C192" s="88" t="s">
        <v>29</v>
      </c>
      <c r="D192" s="257"/>
      <c r="E192" s="108"/>
      <c r="F192" s="98">
        <v>173</v>
      </c>
      <c r="G192" s="126">
        <v>279</v>
      </c>
      <c r="H192" s="98">
        <v>121</v>
      </c>
      <c r="I192" s="126">
        <v>158</v>
      </c>
      <c r="J192" s="94">
        <v>22</v>
      </c>
      <c r="K192" s="94">
        <v>213</v>
      </c>
      <c r="L192" s="94">
        <v>44</v>
      </c>
      <c r="M192" s="95">
        <v>548</v>
      </c>
      <c r="N192" s="96">
        <v>428</v>
      </c>
      <c r="O192" s="277">
        <v>0</v>
      </c>
      <c r="P192" s="97">
        <v>196.4</v>
      </c>
      <c r="Q192" s="44"/>
    </row>
    <row r="193" spans="2:17" s="11" customFormat="1" ht="15.75" customHeight="1">
      <c r="B193" s="87" t="s">
        <v>294</v>
      </c>
      <c r="C193" s="88"/>
      <c r="D193" s="257"/>
      <c r="E193" s="108"/>
      <c r="F193" s="98">
        <v>343</v>
      </c>
      <c r="G193" s="126">
        <v>398</v>
      </c>
      <c r="H193" s="98">
        <v>181</v>
      </c>
      <c r="I193" s="126">
        <v>217</v>
      </c>
      <c r="J193" s="94">
        <v>5</v>
      </c>
      <c r="K193" s="94">
        <v>379</v>
      </c>
      <c r="L193" s="94">
        <v>14</v>
      </c>
      <c r="M193" s="95">
        <v>1178</v>
      </c>
      <c r="N193" s="96">
        <v>896</v>
      </c>
      <c r="O193" s="277">
        <v>0</v>
      </c>
      <c r="P193" s="97">
        <v>296</v>
      </c>
      <c r="Q193" s="44"/>
    </row>
    <row r="194" spans="2:17" s="11" customFormat="1" ht="15.75" customHeight="1">
      <c r="B194" s="87" t="s">
        <v>295</v>
      </c>
      <c r="C194" s="88"/>
      <c r="D194" s="257"/>
      <c r="E194" s="108"/>
      <c r="F194" s="98">
        <v>195</v>
      </c>
      <c r="G194" s="126">
        <v>284</v>
      </c>
      <c r="H194" s="98">
        <v>133</v>
      </c>
      <c r="I194" s="126">
        <v>151</v>
      </c>
      <c r="J194" s="94">
        <v>14</v>
      </c>
      <c r="K194" s="94">
        <v>221</v>
      </c>
      <c r="L194" s="94">
        <v>49</v>
      </c>
      <c r="M194" s="95">
        <v>828</v>
      </c>
      <c r="N194" s="96">
        <v>543</v>
      </c>
      <c r="O194" s="277">
        <v>125</v>
      </c>
      <c r="P194" s="97">
        <v>291.5</v>
      </c>
      <c r="Q194" s="44"/>
    </row>
    <row r="195" spans="2:17" s="11" customFormat="1" ht="15.75" customHeight="1">
      <c r="B195" s="87" t="s">
        <v>296</v>
      </c>
      <c r="C195" s="88"/>
      <c r="D195" s="257"/>
      <c r="E195" s="108"/>
      <c r="F195" s="98">
        <v>198</v>
      </c>
      <c r="G195" s="126">
        <v>405</v>
      </c>
      <c r="H195" s="98">
        <v>197</v>
      </c>
      <c r="I195" s="126">
        <v>208</v>
      </c>
      <c r="J195" s="94">
        <v>35</v>
      </c>
      <c r="K195" s="94">
        <v>276</v>
      </c>
      <c r="L195" s="94">
        <v>94</v>
      </c>
      <c r="M195" s="95">
        <v>478</v>
      </c>
      <c r="N195" s="96">
        <v>308</v>
      </c>
      <c r="O195" s="277">
        <v>0</v>
      </c>
      <c r="P195" s="97">
        <v>118</v>
      </c>
      <c r="Q195" s="44"/>
    </row>
    <row r="196" spans="2:17" s="11" customFormat="1" ht="15.75" customHeight="1">
      <c r="B196" s="87" t="s">
        <v>297</v>
      </c>
      <c r="C196" s="88"/>
      <c r="D196" s="257"/>
      <c r="E196" s="108"/>
      <c r="F196" s="98">
        <v>387</v>
      </c>
      <c r="G196" s="126">
        <v>693</v>
      </c>
      <c r="H196" s="98">
        <v>316</v>
      </c>
      <c r="I196" s="126">
        <v>377</v>
      </c>
      <c r="J196" s="94">
        <v>70</v>
      </c>
      <c r="K196" s="94">
        <v>516</v>
      </c>
      <c r="L196" s="94">
        <v>107</v>
      </c>
      <c r="M196" s="95">
        <v>895</v>
      </c>
      <c r="N196" s="96">
        <v>655</v>
      </c>
      <c r="O196" s="277">
        <v>0</v>
      </c>
      <c r="P196" s="97">
        <v>129.1</v>
      </c>
      <c r="Q196" s="44"/>
    </row>
    <row r="197" spans="2:17" s="11" customFormat="1" ht="15.75" customHeight="1">
      <c r="B197" s="87" t="s">
        <v>298</v>
      </c>
      <c r="C197" s="88"/>
      <c r="D197" s="257"/>
      <c r="E197" s="108"/>
      <c r="F197" s="98">
        <v>681</v>
      </c>
      <c r="G197" s="126">
        <v>1318</v>
      </c>
      <c r="H197" s="98">
        <v>682</v>
      </c>
      <c r="I197" s="126">
        <v>636</v>
      </c>
      <c r="J197" s="94">
        <v>136</v>
      </c>
      <c r="K197" s="94">
        <v>1015</v>
      </c>
      <c r="L197" s="94">
        <v>167</v>
      </c>
      <c r="M197" s="95">
        <v>698</v>
      </c>
      <c r="N197" s="96">
        <v>268</v>
      </c>
      <c r="O197" s="277">
        <v>0</v>
      </c>
      <c r="P197" s="97">
        <v>53</v>
      </c>
      <c r="Q197" s="44"/>
    </row>
    <row r="198" spans="2:17" s="11" customFormat="1" ht="15.75" customHeight="1">
      <c r="B198" s="87" t="s">
        <v>299</v>
      </c>
      <c r="C198" s="88"/>
      <c r="D198" s="257"/>
      <c r="E198" s="266"/>
      <c r="F198" s="98">
        <v>273</v>
      </c>
      <c r="G198" s="126">
        <v>454</v>
      </c>
      <c r="H198" s="98">
        <v>207</v>
      </c>
      <c r="I198" s="126">
        <v>247</v>
      </c>
      <c r="J198" s="94">
        <v>30</v>
      </c>
      <c r="K198" s="94">
        <v>362</v>
      </c>
      <c r="L198" s="94">
        <v>62</v>
      </c>
      <c r="M198" s="95">
        <v>431</v>
      </c>
      <c r="N198" s="96">
        <v>257</v>
      </c>
      <c r="O198" s="277">
        <v>0</v>
      </c>
      <c r="P198" s="97">
        <v>94.9</v>
      </c>
      <c r="Q198" s="44"/>
    </row>
    <row r="199" spans="2:17" s="11" customFormat="1" ht="7.9" customHeight="1">
      <c r="B199" s="415" t="s">
        <v>300</v>
      </c>
      <c r="C199" s="415"/>
      <c r="D199" s="257"/>
      <c r="E199" s="404" t="s">
        <v>301</v>
      </c>
      <c r="F199" s="405">
        <v>514</v>
      </c>
      <c r="G199" s="126">
        <v>618</v>
      </c>
      <c r="H199" s="405">
        <v>294</v>
      </c>
      <c r="I199" s="405">
        <v>324</v>
      </c>
      <c r="J199" s="427">
        <v>21</v>
      </c>
      <c r="K199" s="427">
        <v>544</v>
      </c>
      <c r="L199" s="428">
        <v>56</v>
      </c>
      <c r="M199" s="437">
        <v>987</v>
      </c>
      <c r="N199" s="433">
        <v>515</v>
      </c>
      <c r="O199" s="439">
        <v>0</v>
      </c>
      <c r="P199" s="434">
        <v>159.69999999999999</v>
      </c>
      <c r="Q199" s="44"/>
    </row>
    <row r="200" spans="2:17" s="11" customFormat="1" ht="7.9" customHeight="1">
      <c r="B200" s="415"/>
      <c r="C200" s="415"/>
      <c r="D200" s="257"/>
      <c r="E200" s="404"/>
      <c r="F200" s="405"/>
      <c r="G200" s="237">
        <v>626</v>
      </c>
      <c r="H200" s="405"/>
      <c r="I200" s="405"/>
      <c r="J200" s="427"/>
      <c r="K200" s="427"/>
      <c r="L200" s="428"/>
      <c r="M200" s="437"/>
      <c r="N200" s="433"/>
      <c r="O200" s="439"/>
      <c r="P200" s="434">
        <v>0</v>
      </c>
      <c r="Q200" s="44"/>
    </row>
    <row r="201" spans="2:17" s="11" customFormat="1" ht="15.75" customHeight="1">
      <c r="B201" s="87" t="s">
        <v>302</v>
      </c>
      <c r="C201" s="88" t="s">
        <v>26</v>
      </c>
      <c r="D201" s="257"/>
      <c r="E201" s="258" t="s">
        <v>303</v>
      </c>
      <c r="F201" s="98">
        <v>8</v>
      </c>
      <c r="G201" s="126">
        <v>8</v>
      </c>
      <c r="H201" s="98">
        <v>8</v>
      </c>
      <c r="I201" s="101" t="s">
        <v>192</v>
      </c>
      <c r="J201" s="98" t="s">
        <v>229</v>
      </c>
      <c r="K201" s="98" t="s">
        <v>229</v>
      </c>
      <c r="L201" s="98" t="s">
        <v>229</v>
      </c>
      <c r="M201" s="95">
        <v>13345</v>
      </c>
      <c r="N201" s="96">
        <v>13342</v>
      </c>
      <c r="O201" s="277">
        <v>0</v>
      </c>
      <c r="P201" s="97">
        <v>444833.3</v>
      </c>
      <c r="Q201" s="44"/>
    </row>
    <row r="202" spans="2:17" s="11" customFormat="1" ht="15.75" customHeight="1">
      <c r="B202" s="87"/>
      <c r="C202" s="88" t="s">
        <v>27</v>
      </c>
      <c r="D202" s="257"/>
      <c r="E202" s="266"/>
      <c r="F202" s="101" t="s">
        <v>192</v>
      </c>
      <c r="G202" s="101" t="s">
        <v>192</v>
      </c>
      <c r="H202" s="101" t="s">
        <v>192</v>
      </c>
      <c r="I202" s="101" t="s">
        <v>192</v>
      </c>
      <c r="J202" s="101" t="s">
        <v>192</v>
      </c>
      <c r="K202" s="101" t="s">
        <v>192</v>
      </c>
      <c r="L202" s="101" t="s">
        <v>192</v>
      </c>
      <c r="M202" s="95">
        <v>20101</v>
      </c>
      <c r="N202" s="96">
        <v>20101</v>
      </c>
      <c r="O202" s="277">
        <v>0</v>
      </c>
      <c r="P202" s="104" t="s">
        <v>99</v>
      </c>
      <c r="Q202" s="44"/>
    </row>
    <row r="203" spans="2:17" s="11" customFormat="1" ht="15.75" customHeight="1">
      <c r="B203" s="87" t="s">
        <v>304</v>
      </c>
      <c r="C203" s="88"/>
      <c r="D203" s="257"/>
      <c r="E203" s="108"/>
      <c r="F203" s="98">
        <v>112</v>
      </c>
      <c r="G203" s="126">
        <v>116</v>
      </c>
      <c r="H203" s="98">
        <v>112</v>
      </c>
      <c r="I203" s="126">
        <v>4</v>
      </c>
      <c r="J203" s="101" t="s">
        <v>192</v>
      </c>
      <c r="K203" s="94">
        <v>85</v>
      </c>
      <c r="L203" s="94">
        <v>15</v>
      </c>
      <c r="M203" s="95">
        <v>352</v>
      </c>
      <c r="N203" s="96">
        <v>261</v>
      </c>
      <c r="O203" s="277">
        <v>0</v>
      </c>
      <c r="P203" s="97">
        <v>352</v>
      </c>
      <c r="Q203" s="44"/>
    </row>
    <row r="204" spans="2:17" s="11" customFormat="1" ht="15.75" customHeight="1">
      <c r="B204" s="87" t="s">
        <v>305</v>
      </c>
      <c r="C204" s="88"/>
      <c r="D204" s="257"/>
      <c r="E204" s="108"/>
      <c r="F204" s="98">
        <v>154</v>
      </c>
      <c r="G204" s="98">
        <v>156</v>
      </c>
      <c r="H204" s="98">
        <v>80</v>
      </c>
      <c r="I204" s="126">
        <v>76</v>
      </c>
      <c r="J204" s="101" t="s">
        <v>192</v>
      </c>
      <c r="K204" s="94">
        <v>152</v>
      </c>
      <c r="L204" s="94">
        <v>4</v>
      </c>
      <c r="M204" s="95">
        <v>2423</v>
      </c>
      <c r="N204" s="96">
        <v>2291</v>
      </c>
      <c r="O204" s="277">
        <v>0</v>
      </c>
      <c r="P204" s="97">
        <v>1553.2</v>
      </c>
      <c r="Q204" s="44"/>
    </row>
    <row r="205" spans="2:17" s="11" customFormat="1" ht="15.75" customHeight="1">
      <c r="B205" s="87" t="s">
        <v>306</v>
      </c>
      <c r="C205" s="88" t="s">
        <v>26</v>
      </c>
      <c r="D205" s="257"/>
      <c r="E205" s="108"/>
      <c r="F205" s="98">
        <v>563</v>
      </c>
      <c r="G205" s="126">
        <v>1168</v>
      </c>
      <c r="H205" s="98">
        <v>519</v>
      </c>
      <c r="I205" s="126">
        <v>649</v>
      </c>
      <c r="J205" s="94">
        <v>58</v>
      </c>
      <c r="K205" s="94">
        <v>761</v>
      </c>
      <c r="L205" s="94">
        <v>349</v>
      </c>
      <c r="M205" s="95">
        <v>845</v>
      </c>
      <c r="N205" s="96">
        <v>322</v>
      </c>
      <c r="O205" s="277">
        <v>0</v>
      </c>
      <c r="P205" s="97">
        <v>72.3</v>
      </c>
      <c r="Q205" s="44"/>
    </row>
    <row r="206" spans="2:17" s="11" customFormat="1" ht="15" customHeight="1">
      <c r="B206" s="87"/>
      <c r="C206" s="88" t="s">
        <v>27</v>
      </c>
      <c r="D206" s="257"/>
      <c r="E206" s="108"/>
      <c r="F206" s="98">
        <v>161</v>
      </c>
      <c r="G206" s="126">
        <v>210</v>
      </c>
      <c r="H206" s="98">
        <v>41</v>
      </c>
      <c r="I206" s="98">
        <v>169</v>
      </c>
      <c r="J206" s="123">
        <v>12</v>
      </c>
      <c r="K206" s="94">
        <v>186</v>
      </c>
      <c r="L206" s="94">
        <v>12</v>
      </c>
      <c r="M206" s="95">
        <v>1344</v>
      </c>
      <c r="N206" s="134">
        <v>942</v>
      </c>
      <c r="O206" s="277">
        <v>369</v>
      </c>
      <c r="P206" s="109">
        <v>640</v>
      </c>
      <c r="Q206" s="44"/>
    </row>
    <row r="207" spans="2:17" s="11" customFormat="1" ht="15" customHeight="1">
      <c r="B207" s="87" t="s">
        <v>307</v>
      </c>
      <c r="C207" s="88" t="s">
        <v>308</v>
      </c>
      <c r="D207" s="257"/>
      <c r="E207" s="259"/>
      <c r="F207" s="98">
        <v>1164</v>
      </c>
      <c r="G207" s="126">
        <v>2202</v>
      </c>
      <c r="H207" s="98">
        <v>992</v>
      </c>
      <c r="I207" s="98">
        <v>1210</v>
      </c>
      <c r="J207" s="123">
        <v>235</v>
      </c>
      <c r="K207" s="94">
        <v>1522</v>
      </c>
      <c r="L207" s="94">
        <v>445</v>
      </c>
      <c r="M207" s="95">
        <v>3452</v>
      </c>
      <c r="N207" s="134">
        <v>2503</v>
      </c>
      <c r="O207" s="96">
        <v>0</v>
      </c>
      <c r="P207" s="97">
        <v>156.80000000000001</v>
      </c>
      <c r="Q207" s="44"/>
    </row>
    <row r="208" spans="2:17" s="11" customFormat="1" ht="15" customHeight="1">
      <c r="B208" s="87" t="s">
        <v>309</v>
      </c>
      <c r="C208" s="88" t="s">
        <v>26</v>
      </c>
      <c r="D208" s="257"/>
      <c r="E208" s="259"/>
      <c r="F208" s="98">
        <v>593</v>
      </c>
      <c r="G208" s="126">
        <v>1156</v>
      </c>
      <c r="H208" s="98">
        <v>535</v>
      </c>
      <c r="I208" s="98">
        <v>621</v>
      </c>
      <c r="J208" s="123">
        <v>119</v>
      </c>
      <c r="K208" s="94">
        <v>803</v>
      </c>
      <c r="L208" s="94">
        <v>234</v>
      </c>
      <c r="M208" s="95">
        <v>3403</v>
      </c>
      <c r="N208" s="134">
        <v>2982</v>
      </c>
      <c r="O208" s="277">
        <v>0</v>
      </c>
      <c r="P208" s="97">
        <v>294.39999999999998</v>
      </c>
      <c r="Q208" s="44"/>
    </row>
    <row r="209" spans="1:17" s="11" customFormat="1" ht="15" customHeight="1">
      <c r="B209" s="87"/>
      <c r="C209" s="88" t="s">
        <v>27</v>
      </c>
      <c r="D209" s="257"/>
      <c r="E209" s="259"/>
      <c r="F209" s="98">
        <v>320</v>
      </c>
      <c r="G209" s="126">
        <v>635</v>
      </c>
      <c r="H209" s="98">
        <v>314</v>
      </c>
      <c r="I209" s="98">
        <v>321</v>
      </c>
      <c r="J209" s="123">
        <v>76</v>
      </c>
      <c r="K209" s="94">
        <v>442</v>
      </c>
      <c r="L209" s="94">
        <v>117</v>
      </c>
      <c r="M209" s="95">
        <v>1065</v>
      </c>
      <c r="N209" s="134">
        <v>814</v>
      </c>
      <c r="O209" s="277">
        <v>0</v>
      </c>
      <c r="P209" s="97">
        <v>167.7</v>
      </c>
      <c r="Q209" s="44"/>
    </row>
    <row r="210" spans="1:17" s="11" customFormat="1" ht="15" customHeight="1">
      <c r="B210" s="87" t="s">
        <v>310</v>
      </c>
      <c r="C210" s="88" t="s">
        <v>26</v>
      </c>
      <c r="D210" s="257"/>
      <c r="E210" s="259"/>
      <c r="F210" s="98">
        <v>789</v>
      </c>
      <c r="G210" s="126">
        <v>1732</v>
      </c>
      <c r="H210" s="98">
        <v>803</v>
      </c>
      <c r="I210" s="98">
        <v>929</v>
      </c>
      <c r="J210" s="123">
        <v>255</v>
      </c>
      <c r="K210" s="94">
        <v>1167</v>
      </c>
      <c r="L210" s="94">
        <v>310</v>
      </c>
      <c r="M210" s="95">
        <v>3368</v>
      </c>
      <c r="N210" s="134">
        <v>2461</v>
      </c>
      <c r="O210" s="96">
        <v>223</v>
      </c>
      <c r="P210" s="97">
        <v>194.5</v>
      </c>
      <c r="Q210" s="44"/>
    </row>
    <row r="211" spans="1:17" s="11" customFormat="1" ht="13.5" customHeight="1">
      <c r="A211" s="66"/>
      <c r="B211" s="110"/>
      <c r="C211" s="111" t="s">
        <v>27</v>
      </c>
      <c r="D211" s="260"/>
      <c r="E211" s="261"/>
      <c r="F211" s="114">
        <v>991</v>
      </c>
      <c r="G211" s="127">
        <v>2254</v>
      </c>
      <c r="H211" s="114">
        <v>989</v>
      </c>
      <c r="I211" s="114">
        <v>1265</v>
      </c>
      <c r="J211" s="127">
        <v>271</v>
      </c>
      <c r="K211" s="118">
        <v>1588</v>
      </c>
      <c r="L211" s="118">
        <v>395</v>
      </c>
      <c r="M211" s="119">
        <v>6773</v>
      </c>
      <c r="N211" s="128">
        <v>1362</v>
      </c>
      <c r="O211" s="120">
        <v>4502</v>
      </c>
      <c r="P211" s="122">
        <v>300.5</v>
      </c>
    </row>
  </sheetData>
  <mergeCells count="203">
    <mergeCell ref="M59:M60"/>
    <mergeCell ref="N59:N60"/>
    <mergeCell ref="B9:C9"/>
    <mergeCell ref="C45:C46"/>
    <mergeCell ref="E45:E46"/>
    <mergeCell ref="F45:F46"/>
    <mergeCell ref="H45:H46"/>
    <mergeCell ref="I45:I46"/>
    <mergeCell ref="A4:P4"/>
    <mergeCell ref="B6:C7"/>
    <mergeCell ref="F6:F7"/>
    <mergeCell ref="G6:I6"/>
    <mergeCell ref="J6:L6"/>
    <mergeCell ref="M6:O6"/>
    <mergeCell ref="P6:P7"/>
    <mergeCell ref="P45:P46"/>
    <mergeCell ref="J45:J46"/>
    <mergeCell ref="K45:K46"/>
    <mergeCell ref="L45:L46"/>
    <mergeCell ref="M45:M46"/>
    <mergeCell ref="N45:N46"/>
    <mergeCell ref="O45:O46"/>
    <mergeCell ref="O59:O60"/>
    <mergeCell ref="P59:P60"/>
    <mergeCell ref="B62:B63"/>
    <mergeCell ref="C62:C63"/>
    <mergeCell ref="E62:E63"/>
    <mergeCell ref="F62:F63"/>
    <mergeCell ref="H62:H63"/>
    <mergeCell ref="I62:I63"/>
    <mergeCell ref="P62:P63"/>
    <mergeCell ref="J62:J63"/>
    <mergeCell ref="K62:K63"/>
    <mergeCell ref="L62:L63"/>
    <mergeCell ref="M62:M63"/>
    <mergeCell ref="N62:N63"/>
    <mergeCell ref="O62:O63"/>
    <mergeCell ref="B59:B60"/>
    <mergeCell ref="C59:C60"/>
    <mergeCell ref="E59:E60"/>
    <mergeCell ref="F59:F60"/>
    <mergeCell ref="H59:H60"/>
    <mergeCell ref="I59:I60"/>
    <mergeCell ref="J59:J60"/>
    <mergeCell ref="K59:K60"/>
    <mergeCell ref="L59:L60"/>
    <mergeCell ref="P70:P71"/>
    <mergeCell ref="B73:B74"/>
    <mergeCell ref="C73:C74"/>
    <mergeCell ref="E73:E74"/>
    <mergeCell ref="F73:F74"/>
    <mergeCell ref="H73:H74"/>
    <mergeCell ref="I73:I74"/>
    <mergeCell ref="P73:P74"/>
    <mergeCell ref="J73:J74"/>
    <mergeCell ref="K73:K74"/>
    <mergeCell ref="L73:L74"/>
    <mergeCell ref="M73:M74"/>
    <mergeCell ref="N73:N74"/>
    <mergeCell ref="O73:O74"/>
    <mergeCell ref="B70:B71"/>
    <mergeCell ref="C70:C71"/>
    <mergeCell ref="E70:E71"/>
    <mergeCell ref="F70:F71"/>
    <mergeCell ref="H70:H71"/>
    <mergeCell ref="I70:I71"/>
    <mergeCell ref="J70:J71"/>
    <mergeCell ref="K70:K71"/>
    <mergeCell ref="L70:L71"/>
    <mergeCell ref="F77:F78"/>
    <mergeCell ref="H77:H78"/>
    <mergeCell ref="I77:I78"/>
    <mergeCell ref="J77:J78"/>
    <mergeCell ref="K77:K78"/>
    <mergeCell ref="L77:L78"/>
    <mergeCell ref="M70:M71"/>
    <mergeCell ref="N70:N71"/>
    <mergeCell ref="O70:O71"/>
    <mergeCell ref="I92:I93"/>
    <mergeCell ref="J92:J93"/>
    <mergeCell ref="K92:K93"/>
    <mergeCell ref="L92:L93"/>
    <mergeCell ref="M77:M78"/>
    <mergeCell ref="N77:N78"/>
    <mergeCell ref="O77:O78"/>
    <mergeCell ref="P77:P78"/>
    <mergeCell ref="B88:B89"/>
    <mergeCell ref="C88:C89"/>
    <mergeCell ref="E88:E89"/>
    <mergeCell ref="F88:F89"/>
    <mergeCell ref="H88:H89"/>
    <mergeCell ref="I88:I89"/>
    <mergeCell ref="P88:P89"/>
    <mergeCell ref="J88:J89"/>
    <mergeCell ref="K88:K89"/>
    <mergeCell ref="L88:L89"/>
    <mergeCell ref="M88:M89"/>
    <mergeCell ref="N88:N89"/>
    <mergeCell ref="O88:O89"/>
    <mergeCell ref="B77:B78"/>
    <mergeCell ref="C77:C78"/>
    <mergeCell ref="E77:E78"/>
    <mergeCell ref="K101:K102"/>
    <mergeCell ref="L101:L102"/>
    <mergeCell ref="M92:M93"/>
    <mergeCell ref="N92:N93"/>
    <mergeCell ref="O92:O93"/>
    <mergeCell ref="P92:P93"/>
    <mergeCell ref="B96:B97"/>
    <mergeCell ref="C96:C97"/>
    <mergeCell ref="E96:E97"/>
    <mergeCell ref="F96:F97"/>
    <mergeCell ref="H96:H97"/>
    <mergeCell ref="I96:I97"/>
    <mergeCell ref="P96:P97"/>
    <mergeCell ref="J96:J97"/>
    <mergeCell ref="K96:K97"/>
    <mergeCell ref="L96:L97"/>
    <mergeCell ref="M96:M97"/>
    <mergeCell ref="N96:N97"/>
    <mergeCell ref="O96:O97"/>
    <mergeCell ref="B92:B93"/>
    <mergeCell ref="C92:C93"/>
    <mergeCell ref="E92:E93"/>
    <mergeCell ref="F92:F93"/>
    <mergeCell ref="H92:H93"/>
    <mergeCell ref="M101:M102"/>
    <mergeCell ref="N101:N102"/>
    <mergeCell ref="O101:O102"/>
    <mergeCell ref="P101:P102"/>
    <mergeCell ref="B105:B106"/>
    <mergeCell ref="C105:C106"/>
    <mergeCell ref="E105:E106"/>
    <mergeCell ref="F105:F106"/>
    <mergeCell ref="H105:H106"/>
    <mergeCell ref="I105:I106"/>
    <mergeCell ref="P105:P106"/>
    <mergeCell ref="J105:J106"/>
    <mergeCell ref="K105:K106"/>
    <mergeCell ref="L105:L106"/>
    <mergeCell ref="M105:M106"/>
    <mergeCell ref="N105:N106"/>
    <mergeCell ref="O105:O106"/>
    <mergeCell ref="B101:B102"/>
    <mergeCell ref="C101:C102"/>
    <mergeCell ref="E101:E102"/>
    <mergeCell ref="F101:F102"/>
    <mergeCell ref="H101:H102"/>
    <mergeCell ref="I101:I102"/>
    <mergeCell ref="J101:J102"/>
    <mergeCell ref="O120:O121"/>
    <mergeCell ref="M112:M113"/>
    <mergeCell ref="N112:N113"/>
    <mergeCell ref="O112:O113"/>
    <mergeCell ref="P112:P113"/>
    <mergeCell ref="B120:B121"/>
    <mergeCell ref="C120:C121"/>
    <mergeCell ref="E120:E121"/>
    <mergeCell ref="F120:F121"/>
    <mergeCell ref="H120:H121"/>
    <mergeCell ref="I120:I121"/>
    <mergeCell ref="B112:B113"/>
    <mergeCell ref="C112:C113"/>
    <mergeCell ref="E112:E113"/>
    <mergeCell ref="F112:F113"/>
    <mergeCell ref="H112:H113"/>
    <mergeCell ref="I112:I113"/>
    <mergeCell ref="J112:J113"/>
    <mergeCell ref="K112:K113"/>
    <mergeCell ref="L112:L113"/>
    <mergeCell ref="I148:I149"/>
    <mergeCell ref="J148:J149"/>
    <mergeCell ref="K148:K149"/>
    <mergeCell ref="L148:L149"/>
    <mergeCell ref="J120:J121"/>
    <mergeCell ref="K120:K121"/>
    <mergeCell ref="L120:L121"/>
    <mergeCell ref="M120:M121"/>
    <mergeCell ref="N120:N121"/>
    <mergeCell ref="P199:P200"/>
    <mergeCell ref="A1:D1"/>
    <mergeCell ref="J199:J200"/>
    <mergeCell ref="K199:K200"/>
    <mergeCell ref="L199:L200"/>
    <mergeCell ref="M199:M200"/>
    <mergeCell ref="N199:N200"/>
    <mergeCell ref="O199:O200"/>
    <mergeCell ref="M148:M149"/>
    <mergeCell ref="N148:N149"/>
    <mergeCell ref="O148:O149"/>
    <mergeCell ref="P148:P149"/>
    <mergeCell ref="B199:B200"/>
    <mergeCell ref="C199:C200"/>
    <mergeCell ref="E199:E200"/>
    <mergeCell ref="F199:F200"/>
    <mergeCell ref="H199:H200"/>
    <mergeCell ref="I199:I200"/>
    <mergeCell ref="P120:P121"/>
    <mergeCell ref="B148:B149"/>
    <mergeCell ref="C148:C149"/>
    <mergeCell ref="E148:E149"/>
    <mergeCell ref="F148:F149"/>
    <mergeCell ref="H148:H149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3" manualBreakCount="3">
    <brk id="56" max="16383" man="1"/>
    <brk id="114" max="16383" man="1"/>
    <brk id="163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70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1640625" style="44" customWidth="1"/>
    <col min="7" max="7" width="11.33203125" style="44" customWidth="1"/>
    <col min="8" max="10" width="9.83203125" style="44" customWidth="1"/>
    <col min="11" max="12" width="9.5" style="44" customWidth="1"/>
    <col min="13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311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312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194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5" customFormat="1" ht="3" customHeight="1" thickTop="1">
      <c r="A8" s="188"/>
      <c r="B8" s="68"/>
      <c r="C8" s="68"/>
      <c r="D8" s="189"/>
      <c r="E8" s="190"/>
      <c r="F8" s="179"/>
      <c r="G8" s="180"/>
      <c r="H8" s="195"/>
      <c r="I8" s="182"/>
      <c r="J8" s="179"/>
      <c r="K8" s="179"/>
      <c r="L8" s="179"/>
      <c r="M8" s="183"/>
      <c r="N8" s="184"/>
      <c r="O8" s="184"/>
      <c r="P8" s="179"/>
    </row>
    <row r="9" spans="1:16" s="64" customFormat="1" ht="24" customHeight="1">
      <c r="B9" s="429" t="s">
        <v>92</v>
      </c>
      <c r="C9" s="432"/>
      <c r="D9" s="255"/>
      <c r="E9" s="256"/>
      <c r="F9" s="152">
        <v>41808</v>
      </c>
      <c r="G9" s="152">
        <v>72591</v>
      </c>
      <c r="H9" s="154">
        <v>34491</v>
      </c>
      <c r="I9" s="155">
        <v>38100</v>
      </c>
      <c r="J9" s="83">
        <v>6695</v>
      </c>
      <c r="K9" s="83">
        <v>44946</v>
      </c>
      <c r="L9" s="83">
        <v>10553</v>
      </c>
      <c r="M9" s="84">
        <v>170004</v>
      </c>
      <c r="N9" s="85">
        <v>137857</v>
      </c>
      <c r="O9" s="85">
        <v>8897</v>
      </c>
      <c r="P9" s="86">
        <v>273.3</v>
      </c>
    </row>
    <row r="10" spans="1:16" s="11" customFormat="1" ht="4.5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159"/>
      <c r="N10" s="161"/>
      <c r="O10" s="96"/>
      <c r="P10" s="97"/>
    </row>
    <row r="11" spans="1:16" s="11" customFormat="1" ht="24" customHeight="1">
      <c r="B11" s="87" t="s">
        <v>313</v>
      </c>
      <c r="C11" s="88" t="s">
        <v>26</v>
      </c>
      <c r="D11" s="257"/>
      <c r="E11" s="108"/>
      <c r="F11" s="98">
        <v>360</v>
      </c>
      <c r="G11" s="126">
        <v>418</v>
      </c>
      <c r="H11" s="98">
        <v>202</v>
      </c>
      <c r="I11" s="126">
        <v>216</v>
      </c>
      <c r="J11" s="94">
        <v>11</v>
      </c>
      <c r="K11" s="94">
        <v>389</v>
      </c>
      <c r="L11" s="94">
        <v>16</v>
      </c>
      <c r="M11" s="95">
        <v>4730</v>
      </c>
      <c r="N11" s="96">
        <v>4124</v>
      </c>
      <c r="O11" s="96">
        <v>439</v>
      </c>
      <c r="P11" s="97">
        <v>1137</v>
      </c>
    </row>
    <row r="12" spans="1:16" s="11" customFormat="1" ht="24" customHeight="1">
      <c r="B12" s="87"/>
      <c r="C12" s="88" t="s">
        <v>27</v>
      </c>
      <c r="D12" s="257"/>
      <c r="E12" s="108"/>
      <c r="F12" s="98">
        <v>94</v>
      </c>
      <c r="G12" s="126">
        <v>192</v>
      </c>
      <c r="H12" s="98">
        <v>84</v>
      </c>
      <c r="I12" s="126">
        <v>108</v>
      </c>
      <c r="J12" s="94">
        <v>12</v>
      </c>
      <c r="K12" s="94">
        <v>125</v>
      </c>
      <c r="L12" s="94">
        <v>41</v>
      </c>
      <c r="M12" s="95">
        <v>932</v>
      </c>
      <c r="N12" s="96">
        <v>875</v>
      </c>
      <c r="O12" s="278">
        <v>0</v>
      </c>
      <c r="P12" s="97">
        <v>523.6</v>
      </c>
    </row>
    <row r="13" spans="1:16" s="11" customFormat="1" ht="24" customHeight="1">
      <c r="B13" s="87"/>
      <c r="C13" s="88" t="s">
        <v>28</v>
      </c>
      <c r="D13" s="257"/>
      <c r="E13" s="108"/>
      <c r="F13" s="98">
        <v>417</v>
      </c>
      <c r="G13" s="126">
        <v>667</v>
      </c>
      <c r="H13" s="98">
        <v>316</v>
      </c>
      <c r="I13" s="126">
        <v>351</v>
      </c>
      <c r="J13" s="94">
        <v>44</v>
      </c>
      <c r="K13" s="94">
        <v>446</v>
      </c>
      <c r="L13" s="94">
        <v>119</v>
      </c>
      <c r="M13" s="95">
        <v>469</v>
      </c>
      <c r="N13" s="96">
        <v>247</v>
      </c>
      <c r="O13" s="278">
        <v>0</v>
      </c>
      <c r="P13" s="97">
        <v>77</v>
      </c>
    </row>
    <row r="14" spans="1:16" s="11" customFormat="1" ht="24" customHeight="1">
      <c r="B14" s="87" t="s">
        <v>314</v>
      </c>
      <c r="C14" s="88" t="s">
        <v>26</v>
      </c>
      <c r="D14" s="257"/>
      <c r="E14" s="108"/>
      <c r="F14" s="98">
        <v>804</v>
      </c>
      <c r="G14" s="126">
        <v>1215</v>
      </c>
      <c r="H14" s="98">
        <v>630</v>
      </c>
      <c r="I14" s="126">
        <v>585</v>
      </c>
      <c r="J14" s="94">
        <v>55</v>
      </c>
      <c r="K14" s="94">
        <v>805</v>
      </c>
      <c r="L14" s="94">
        <v>193</v>
      </c>
      <c r="M14" s="95">
        <v>14665</v>
      </c>
      <c r="N14" s="96">
        <v>14200</v>
      </c>
      <c r="O14" s="96">
        <v>154</v>
      </c>
      <c r="P14" s="97">
        <v>1392.7</v>
      </c>
    </row>
    <row r="15" spans="1:16" s="11" customFormat="1" ht="24" customHeight="1">
      <c r="B15" s="87"/>
      <c r="C15" s="88" t="s">
        <v>27</v>
      </c>
      <c r="D15" s="257"/>
      <c r="E15" s="108"/>
      <c r="F15" s="98">
        <v>781</v>
      </c>
      <c r="G15" s="126">
        <v>1270</v>
      </c>
      <c r="H15" s="98">
        <v>593</v>
      </c>
      <c r="I15" s="126">
        <v>677</v>
      </c>
      <c r="J15" s="94">
        <v>108</v>
      </c>
      <c r="K15" s="94">
        <v>740</v>
      </c>
      <c r="L15" s="94">
        <v>134</v>
      </c>
      <c r="M15" s="95">
        <v>4586</v>
      </c>
      <c r="N15" s="96">
        <v>3097</v>
      </c>
      <c r="O15" s="96">
        <v>1183</v>
      </c>
      <c r="P15" s="97">
        <v>467</v>
      </c>
    </row>
    <row r="16" spans="1:16" s="11" customFormat="1" ht="24" customHeight="1">
      <c r="B16" s="87"/>
      <c r="C16" s="88" t="s">
        <v>28</v>
      </c>
      <c r="D16" s="257"/>
      <c r="E16" s="108"/>
      <c r="F16" s="98">
        <v>915</v>
      </c>
      <c r="G16" s="126">
        <v>1660</v>
      </c>
      <c r="H16" s="98">
        <v>796</v>
      </c>
      <c r="I16" s="126">
        <v>864</v>
      </c>
      <c r="J16" s="94">
        <v>205</v>
      </c>
      <c r="K16" s="94">
        <v>1143</v>
      </c>
      <c r="L16" s="94">
        <v>116</v>
      </c>
      <c r="M16" s="95">
        <v>2193</v>
      </c>
      <c r="N16" s="96">
        <v>1679</v>
      </c>
      <c r="O16" s="278">
        <v>0</v>
      </c>
      <c r="P16" s="97">
        <v>149.80000000000001</v>
      </c>
    </row>
    <row r="17" spans="2:16" s="11" customFormat="1" ht="24" customHeight="1">
      <c r="B17" s="87" t="s">
        <v>315</v>
      </c>
      <c r="C17" s="88" t="s">
        <v>26</v>
      </c>
      <c r="D17" s="257"/>
      <c r="E17" s="108"/>
      <c r="F17" s="98">
        <v>581</v>
      </c>
      <c r="G17" s="126">
        <v>786</v>
      </c>
      <c r="H17" s="98">
        <v>390</v>
      </c>
      <c r="I17" s="126">
        <v>396</v>
      </c>
      <c r="J17" s="94">
        <v>38</v>
      </c>
      <c r="K17" s="94">
        <v>355</v>
      </c>
      <c r="L17" s="94">
        <v>78</v>
      </c>
      <c r="M17" s="95">
        <v>6049</v>
      </c>
      <c r="N17" s="96">
        <v>5908</v>
      </c>
      <c r="O17" s="278">
        <v>0</v>
      </c>
      <c r="P17" s="97">
        <v>1284.3</v>
      </c>
    </row>
    <row r="18" spans="2:16" s="11" customFormat="1" ht="24" customHeight="1">
      <c r="B18" s="87"/>
      <c r="C18" s="88" t="s">
        <v>27</v>
      </c>
      <c r="D18" s="257"/>
      <c r="E18" s="108"/>
      <c r="F18" s="98">
        <v>530</v>
      </c>
      <c r="G18" s="126">
        <v>702</v>
      </c>
      <c r="H18" s="98">
        <v>278</v>
      </c>
      <c r="I18" s="126">
        <v>424</v>
      </c>
      <c r="J18" s="94">
        <v>25</v>
      </c>
      <c r="K18" s="94">
        <v>462</v>
      </c>
      <c r="L18" s="94">
        <v>101</v>
      </c>
      <c r="M18" s="95">
        <v>1814</v>
      </c>
      <c r="N18" s="96">
        <v>1649</v>
      </c>
      <c r="O18" s="278">
        <v>0</v>
      </c>
      <c r="P18" s="97">
        <v>308.5</v>
      </c>
    </row>
    <row r="19" spans="2:16" s="11" customFormat="1" ht="24" customHeight="1">
      <c r="B19" s="87"/>
      <c r="C19" s="88" t="s">
        <v>28</v>
      </c>
      <c r="D19" s="257"/>
      <c r="E19" s="108"/>
      <c r="F19" s="98">
        <v>414</v>
      </c>
      <c r="G19" s="126">
        <v>741</v>
      </c>
      <c r="H19" s="98">
        <v>357</v>
      </c>
      <c r="I19" s="126">
        <v>384</v>
      </c>
      <c r="J19" s="94">
        <v>54</v>
      </c>
      <c r="K19" s="94">
        <v>511</v>
      </c>
      <c r="L19" s="94">
        <v>106</v>
      </c>
      <c r="M19" s="95">
        <v>1653</v>
      </c>
      <c r="N19" s="96">
        <v>1431</v>
      </c>
      <c r="O19" s="278">
        <v>0</v>
      </c>
      <c r="P19" s="97">
        <v>246.3</v>
      </c>
    </row>
    <row r="20" spans="2:16" s="11" customFormat="1" ht="24" customHeight="1">
      <c r="B20" s="87" t="s">
        <v>316</v>
      </c>
      <c r="C20" s="88" t="s">
        <v>26</v>
      </c>
      <c r="D20" s="257"/>
      <c r="E20" s="108"/>
      <c r="F20" s="98">
        <v>416</v>
      </c>
      <c r="G20" s="126">
        <v>779</v>
      </c>
      <c r="H20" s="98">
        <v>370</v>
      </c>
      <c r="I20" s="126">
        <v>409</v>
      </c>
      <c r="J20" s="94">
        <v>45</v>
      </c>
      <c r="K20" s="94">
        <v>520</v>
      </c>
      <c r="L20" s="94">
        <v>155</v>
      </c>
      <c r="M20" s="95">
        <v>7974</v>
      </c>
      <c r="N20" s="96">
        <v>7739</v>
      </c>
      <c r="O20" s="278">
        <v>0</v>
      </c>
      <c r="P20" s="97">
        <v>1107.5</v>
      </c>
    </row>
    <row r="21" spans="2:16" s="11" customFormat="1" ht="24" customHeight="1">
      <c r="B21" s="87"/>
      <c r="C21" s="88" t="s">
        <v>27</v>
      </c>
      <c r="D21" s="257"/>
      <c r="E21" s="108"/>
      <c r="F21" s="98">
        <v>188</v>
      </c>
      <c r="G21" s="126">
        <v>300</v>
      </c>
      <c r="H21" s="98">
        <v>152</v>
      </c>
      <c r="I21" s="126">
        <v>148</v>
      </c>
      <c r="J21" s="94">
        <v>24</v>
      </c>
      <c r="K21" s="94">
        <v>154</v>
      </c>
      <c r="L21" s="94">
        <v>45</v>
      </c>
      <c r="M21" s="95">
        <v>1157</v>
      </c>
      <c r="N21" s="96">
        <v>1072</v>
      </c>
      <c r="O21" s="278">
        <v>0</v>
      </c>
      <c r="P21" s="97">
        <v>518.79999999999995</v>
      </c>
    </row>
    <row r="22" spans="2:16" s="11" customFormat="1" ht="24" customHeight="1">
      <c r="B22" s="87"/>
      <c r="C22" s="88" t="s">
        <v>28</v>
      </c>
      <c r="D22" s="257"/>
      <c r="E22" s="108"/>
      <c r="F22" s="98">
        <v>640</v>
      </c>
      <c r="G22" s="126">
        <v>911</v>
      </c>
      <c r="H22" s="98">
        <v>459</v>
      </c>
      <c r="I22" s="126">
        <v>452</v>
      </c>
      <c r="J22" s="94">
        <v>44</v>
      </c>
      <c r="K22" s="94">
        <v>513</v>
      </c>
      <c r="L22" s="94">
        <v>126</v>
      </c>
      <c r="M22" s="95">
        <v>1234</v>
      </c>
      <c r="N22" s="96">
        <v>978</v>
      </c>
      <c r="O22" s="278">
        <v>0</v>
      </c>
      <c r="P22" s="97">
        <v>180.7</v>
      </c>
    </row>
    <row r="23" spans="2:16" s="11" customFormat="1" ht="24" customHeight="1">
      <c r="B23" s="87" t="s">
        <v>317</v>
      </c>
      <c r="C23" s="88" t="s">
        <v>26</v>
      </c>
      <c r="D23" s="257"/>
      <c r="E23" s="108"/>
      <c r="F23" s="98">
        <v>366</v>
      </c>
      <c r="G23" s="126">
        <v>591</v>
      </c>
      <c r="H23" s="98">
        <v>267</v>
      </c>
      <c r="I23" s="126">
        <v>324</v>
      </c>
      <c r="J23" s="94">
        <v>35</v>
      </c>
      <c r="K23" s="94">
        <v>375</v>
      </c>
      <c r="L23" s="94">
        <v>94</v>
      </c>
      <c r="M23" s="95">
        <v>8698</v>
      </c>
      <c r="N23" s="96">
        <v>8541</v>
      </c>
      <c r="O23" s="278">
        <v>0</v>
      </c>
      <c r="P23" s="97">
        <v>1725.8</v>
      </c>
    </row>
    <row r="24" spans="2:16" s="11" customFormat="1" ht="24" customHeight="1">
      <c r="B24" s="87"/>
      <c r="C24" s="88" t="s">
        <v>27</v>
      </c>
      <c r="D24" s="257"/>
      <c r="E24" s="108"/>
      <c r="F24" s="98">
        <v>613</v>
      </c>
      <c r="G24" s="126">
        <v>903</v>
      </c>
      <c r="H24" s="98">
        <v>437</v>
      </c>
      <c r="I24" s="126">
        <v>466</v>
      </c>
      <c r="J24" s="94">
        <v>70</v>
      </c>
      <c r="K24" s="94">
        <v>492</v>
      </c>
      <c r="L24" s="94">
        <v>81</v>
      </c>
      <c r="M24" s="95">
        <v>3569</v>
      </c>
      <c r="N24" s="96">
        <v>3356</v>
      </c>
      <c r="O24" s="278">
        <v>0</v>
      </c>
      <c r="P24" s="97">
        <v>555.1</v>
      </c>
    </row>
    <row r="25" spans="2:16" s="11" customFormat="1" ht="24" customHeight="1">
      <c r="B25" s="87"/>
      <c r="C25" s="88" t="s">
        <v>28</v>
      </c>
      <c r="D25" s="257"/>
      <c r="E25" s="108"/>
      <c r="F25" s="98">
        <v>319</v>
      </c>
      <c r="G25" s="126">
        <v>414</v>
      </c>
      <c r="H25" s="98">
        <v>200</v>
      </c>
      <c r="I25" s="126">
        <v>214</v>
      </c>
      <c r="J25" s="94">
        <v>26</v>
      </c>
      <c r="K25" s="94">
        <v>183</v>
      </c>
      <c r="L25" s="94">
        <v>27</v>
      </c>
      <c r="M25" s="95">
        <v>1411</v>
      </c>
      <c r="N25" s="96">
        <v>1337</v>
      </c>
      <c r="O25" s="278">
        <v>0</v>
      </c>
      <c r="P25" s="97">
        <v>597.9</v>
      </c>
    </row>
    <row r="26" spans="2:16" s="11" customFormat="1" ht="24" customHeight="1">
      <c r="B26" s="87" t="s">
        <v>318</v>
      </c>
      <c r="C26" s="88" t="s">
        <v>26</v>
      </c>
      <c r="D26" s="257"/>
      <c r="E26" s="108"/>
      <c r="F26" s="98">
        <v>1151</v>
      </c>
      <c r="G26" s="126">
        <v>2373</v>
      </c>
      <c r="H26" s="98">
        <v>1081</v>
      </c>
      <c r="I26" s="126">
        <v>1292</v>
      </c>
      <c r="J26" s="94">
        <v>222</v>
      </c>
      <c r="K26" s="94">
        <v>1587</v>
      </c>
      <c r="L26" s="94">
        <v>391</v>
      </c>
      <c r="M26" s="95">
        <v>1693</v>
      </c>
      <c r="N26" s="96">
        <v>887</v>
      </c>
      <c r="O26" s="278">
        <v>0</v>
      </c>
      <c r="P26" s="97">
        <v>77</v>
      </c>
    </row>
    <row r="27" spans="2:16" s="11" customFormat="1" ht="24" customHeight="1">
      <c r="B27" s="87"/>
      <c r="C27" s="88" t="s">
        <v>27</v>
      </c>
      <c r="D27" s="257"/>
      <c r="E27" s="108"/>
      <c r="F27" s="98">
        <v>165</v>
      </c>
      <c r="G27" s="126">
        <v>207</v>
      </c>
      <c r="H27" s="98">
        <v>96</v>
      </c>
      <c r="I27" s="126">
        <v>111</v>
      </c>
      <c r="J27" s="94">
        <v>8</v>
      </c>
      <c r="K27" s="94">
        <v>98</v>
      </c>
      <c r="L27" s="94">
        <v>27</v>
      </c>
      <c r="M27" s="95">
        <v>616</v>
      </c>
      <c r="N27" s="96">
        <v>559</v>
      </c>
      <c r="O27" s="278">
        <v>0</v>
      </c>
      <c r="P27" s="97">
        <v>463.2</v>
      </c>
    </row>
    <row r="28" spans="2:16" s="11" customFormat="1" ht="24" customHeight="1">
      <c r="B28" s="87" t="s">
        <v>319</v>
      </c>
      <c r="C28" s="88" t="s">
        <v>26</v>
      </c>
      <c r="D28" s="257"/>
      <c r="E28" s="108"/>
      <c r="F28" s="98">
        <v>163</v>
      </c>
      <c r="G28" s="126">
        <v>242</v>
      </c>
      <c r="H28" s="98">
        <v>123</v>
      </c>
      <c r="I28" s="126">
        <v>119</v>
      </c>
      <c r="J28" s="94">
        <v>8</v>
      </c>
      <c r="K28" s="94">
        <v>132</v>
      </c>
      <c r="L28" s="94">
        <v>29</v>
      </c>
      <c r="M28" s="95">
        <v>6942</v>
      </c>
      <c r="N28" s="96">
        <v>6879</v>
      </c>
      <c r="O28" s="278">
        <v>0</v>
      </c>
      <c r="P28" s="97">
        <v>4107.7</v>
      </c>
    </row>
    <row r="29" spans="2:16" s="11" customFormat="1" ht="24" customHeight="1">
      <c r="B29" s="87"/>
      <c r="C29" s="88" t="s">
        <v>27</v>
      </c>
      <c r="D29" s="257"/>
      <c r="E29" s="108"/>
      <c r="F29" s="98">
        <v>236</v>
      </c>
      <c r="G29" s="126">
        <v>267</v>
      </c>
      <c r="H29" s="98">
        <v>143</v>
      </c>
      <c r="I29" s="126">
        <v>124</v>
      </c>
      <c r="J29" s="94">
        <v>6</v>
      </c>
      <c r="K29" s="94">
        <v>195</v>
      </c>
      <c r="L29" s="94">
        <v>39</v>
      </c>
      <c r="M29" s="95">
        <v>3497</v>
      </c>
      <c r="N29" s="96">
        <v>3135</v>
      </c>
      <c r="O29" s="96">
        <v>204</v>
      </c>
      <c r="P29" s="97">
        <v>1457.1</v>
      </c>
    </row>
    <row r="30" spans="2:16" s="11" customFormat="1" ht="24" customHeight="1">
      <c r="B30" s="87" t="s">
        <v>320</v>
      </c>
      <c r="C30" s="88" t="s">
        <v>26</v>
      </c>
      <c r="D30" s="257"/>
      <c r="E30" s="108"/>
      <c r="F30" s="98">
        <v>472</v>
      </c>
      <c r="G30" s="126">
        <v>731</v>
      </c>
      <c r="H30" s="98">
        <v>369</v>
      </c>
      <c r="I30" s="126">
        <v>362</v>
      </c>
      <c r="J30" s="94">
        <v>76</v>
      </c>
      <c r="K30" s="94">
        <v>464</v>
      </c>
      <c r="L30" s="94">
        <v>57</v>
      </c>
      <c r="M30" s="95">
        <v>4631</v>
      </c>
      <c r="N30" s="96">
        <v>4406</v>
      </c>
      <c r="O30" s="278">
        <v>0</v>
      </c>
      <c r="P30" s="97">
        <v>775.7</v>
      </c>
    </row>
    <row r="31" spans="2:16" s="11" customFormat="1" ht="24" customHeight="1">
      <c r="B31" s="87"/>
      <c r="C31" s="88" t="s">
        <v>27</v>
      </c>
      <c r="D31" s="257"/>
      <c r="E31" s="108"/>
      <c r="F31" s="98">
        <v>61</v>
      </c>
      <c r="G31" s="126">
        <v>153</v>
      </c>
      <c r="H31" s="98">
        <v>68</v>
      </c>
      <c r="I31" s="126">
        <v>85</v>
      </c>
      <c r="J31" s="94">
        <v>13</v>
      </c>
      <c r="K31" s="94">
        <v>114</v>
      </c>
      <c r="L31" s="94">
        <v>26</v>
      </c>
      <c r="M31" s="95">
        <v>1886</v>
      </c>
      <c r="N31" s="96">
        <v>1854</v>
      </c>
      <c r="O31" s="278">
        <v>0</v>
      </c>
      <c r="P31" s="97">
        <v>1232.7</v>
      </c>
    </row>
    <row r="32" spans="2:16" s="11" customFormat="1" ht="24" customHeight="1">
      <c r="B32" s="87" t="s">
        <v>123</v>
      </c>
      <c r="C32" s="88" t="s">
        <v>28</v>
      </c>
      <c r="D32" s="257"/>
      <c r="E32" s="108"/>
      <c r="F32" s="98">
        <v>483</v>
      </c>
      <c r="G32" s="123">
        <v>764</v>
      </c>
      <c r="H32" s="98">
        <v>366</v>
      </c>
      <c r="I32" s="123">
        <v>398</v>
      </c>
      <c r="J32" s="94">
        <v>77</v>
      </c>
      <c r="K32" s="94">
        <v>444</v>
      </c>
      <c r="L32" s="94">
        <v>70</v>
      </c>
      <c r="M32" s="95">
        <v>1601</v>
      </c>
      <c r="N32" s="96">
        <v>1381</v>
      </c>
      <c r="O32" s="277">
        <v>0</v>
      </c>
      <c r="P32" s="97">
        <v>270.89999999999998</v>
      </c>
    </row>
    <row r="33" spans="1:16" s="11" customFormat="1" ht="24" customHeight="1">
      <c r="B33" s="87"/>
      <c r="C33" s="88" t="s">
        <v>29</v>
      </c>
      <c r="D33" s="257"/>
      <c r="E33" s="108"/>
      <c r="F33" s="98">
        <v>587</v>
      </c>
      <c r="G33" s="126">
        <v>882</v>
      </c>
      <c r="H33" s="98">
        <v>415</v>
      </c>
      <c r="I33" s="126">
        <v>467</v>
      </c>
      <c r="J33" s="94">
        <v>91</v>
      </c>
      <c r="K33" s="94">
        <v>414</v>
      </c>
      <c r="L33" s="94">
        <v>87</v>
      </c>
      <c r="M33" s="95">
        <v>2251</v>
      </c>
      <c r="N33" s="96">
        <v>2023</v>
      </c>
      <c r="O33" s="96">
        <v>16</v>
      </c>
      <c r="P33" s="97">
        <v>380.2</v>
      </c>
    </row>
    <row r="34" spans="1:16" s="11" customFormat="1" ht="24" customHeight="1">
      <c r="B34" s="87"/>
      <c r="C34" s="88" t="s">
        <v>30</v>
      </c>
      <c r="D34" s="257"/>
      <c r="E34" s="108"/>
      <c r="F34" s="98">
        <v>493</v>
      </c>
      <c r="G34" s="126">
        <v>855</v>
      </c>
      <c r="H34" s="98">
        <v>414</v>
      </c>
      <c r="I34" s="126">
        <v>441</v>
      </c>
      <c r="J34" s="94">
        <v>94</v>
      </c>
      <c r="K34" s="94">
        <v>498</v>
      </c>
      <c r="L34" s="94">
        <v>91</v>
      </c>
      <c r="M34" s="95">
        <v>1865</v>
      </c>
      <c r="N34" s="96">
        <v>1600</v>
      </c>
      <c r="O34" s="277">
        <v>0</v>
      </c>
      <c r="P34" s="97">
        <v>273.10000000000002</v>
      </c>
    </row>
    <row r="35" spans="1:16" s="11" customFormat="1" ht="24" customHeight="1">
      <c r="B35" s="87"/>
      <c r="C35" s="88" t="s">
        <v>31</v>
      </c>
      <c r="D35" s="257"/>
      <c r="E35" s="108"/>
      <c r="F35" s="98">
        <v>879</v>
      </c>
      <c r="G35" s="126">
        <v>1621</v>
      </c>
      <c r="H35" s="98">
        <v>741</v>
      </c>
      <c r="I35" s="126">
        <v>880</v>
      </c>
      <c r="J35" s="94">
        <v>145</v>
      </c>
      <c r="K35" s="94">
        <v>1039</v>
      </c>
      <c r="L35" s="94">
        <v>236</v>
      </c>
      <c r="M35" s="95">
        <v>1346</v>
      </c>
      <c r="N35" s="96">
        <v>732</v>
      </c>
      <c r="O35" s="96">
        <v>61</v>
      </c>
      <c r="P35" s="97">
        <v>94.8</v>
      </c>
    </row>
    <row r="36" spans="1:16" s="11" customFormat="1" ht="24" customHeight="1">
      <c r="B36" s="87" t="s">
        <v>321</v>
      </c>
      <c r="C36" s="88" t="s">
        <v>26</v>
      </c>
      <c r="D36" s="257"/>
      <c r="E36" s="108"/>
      <c r="F36" s="98">
        <v>1325</v>
      </c>
      <c r="G36" s="126">
        <v>1839</v>
      </c>
      <c r="H36" s="98">
        <v>833</v>
      </c>
      <c r="I36" s="126">
        <v>1006</v>
      </c>
      <c r="J36" s="94">
        <v>82</v>
      </c>
      <c r="K36" s="94">
        <v>1055</v>
      </c>
      <c r="L36" s="94">
        <v>216</v>
      </c>
      <c r="M36" s="95">
        <v>12489</v>
      </c>
      <c r="N36" s="96">
        <v>9492</v>
      </c>
      <c r="O36" s="96">
        <v>2534</v>
      </c>
      <c r="P36" s="97">
        <v>923.1</v>
      </c>
    </row>
    <row r="37" spans="1:16" s="11" customFormat="1" ht="24" customHeight="1">
      <c r="B37" s="87"/>
      <c r="C37" s="88" t="s">
        <v>27</v>
      </c>
      <c r="D37" s="257"/>
      <c r="E37" s="108"/>
      <c r="F37" s="98">
        <v>683</v>
      </c>
      <c r="G37" s="126">
        <v>1149</v>
      </c>
      <c r="H37" s="98">
        <v>520</v>
      </c>
      <c r="I37" s="126">
        <v>629</v>
      </c>
      <c r="J37" s="94">
        <v>113</v>
      </c>
      <c r="K37" s="94">
        <v>630</v>
      </c>
      <c r="L37" s="94">
        <v>170</v>
      </c>
      <c r="M37" s="95">
        <v>3796</v>
      </c>
      <c r="N37" s="96">
        <v>3461</v>
      </c>
      <c r="O37" s="277">
        <v>0</v>
      </c>
      <c r="P37" s="97">
        <v>415.8</v>
      </c>
    </row>
    <row r="38" spans="1:16" s="11" customFormat="1" ht="24" customHeight="1">
      <c r="B38" s="87"/>
      <c r="C38" s="88" t="s">
        <v>28</v>
      </c>
      <c r="D38" s="257"/>
      <c r="E38" s="108"/>
      <c r="F38" s="98">
        <v>847</v>
      </c>
      <c r="G38" s="126">
        <v>1347</v>
      </c>
      <c r="H38" s="98">
        <v>614</v>
      </c>
      <c r="I38" s="126">
        <v>733</v>
      </c>
      <c r="J38" s="94">
        <v>90</v>
      </c>
      <c r="K38" s="94">
        <v>822</v>
      </c>
      <c r="L38" s="94">
        <v>155</v>
      </c>
      <c r="M38" s="95">
        <v>4102</v>
      </c>
      <c r="N38" s="96">
        <v>3308</v>
      </c>
      <c r="O38" s="96">
        <v>451</v>
      </c>
      <c r="P38" s="97">
        <v>384.4</v>
      </c>
    </row>
    <row r="39" spans="1:16" s="11" customFormat="1" ht="24" customHeight="1">
      <c r="A39" s="66"/>
      <c r="B39" s="110"/>
      <c r="C39" s="111" t="s">
        <v>29</v>
      </c>
      <c r="D39" s="260"/>
      <c r="E39" s="279"/>
      <c r="F39" s="114">
        <v>1189</v>
      </c>
      <c r="G39" s="127">
        <v>1913</v>
      </c>
      <c r="H39" s="114">
        <v>901</v>
      </c>
      <c r="I39" s="127">
        <v>1012</v>
      </c>
      <c r="J39" s="118">
        <v>183</v>
      </c>
      <c r="K39" s="118">
        <v>1312</v>
      </c>
      <c r="L39" s="118">
        <v>236</v>
      </c>
      <c r="M39" s="119">
        <v>2504</v>
      </c>
      <c r="N39" s="120">
        <v>1684</v>
      </c>
      <c r="O39" s="280">
        <v>0</v>
      </c>
      <c r="P39" s="122">
        <v>144.69999999999999</v>
      </c>
    </row>
    <row r="40" spans="1:16" s="11" customFormat="1" ht="24" customHeight="1">
      <c r="B40" s="87" t="s">
        <v>322</v>
      </c>
      <c r="C40" s="88" t="s">
        <v>26</v>
      </c>
      <c r="D40" s="257"/>
      <c r="E40" s="108"/>
      <c r="F40" s="98">
        <v>928</v>
      </c>
      <c r="G40" s="126">
        <v>1329</v>
      </c>
      <c r="H40" s="98">
        <v>613</v>
      </c>
      <c r="I40" s="126">
        <v>716</v>
      </c>
      <c r="J40" s="94">
        <v>72</v>
      </c>
      <c r="K40" s="94">
        <v>662</v>
      </c>
      <c r="L40" s="94">
        <v>185</v>
      </c>
      <c r="M40" s="95">
        <v>7210</v>
      </c>
      <c r="N40" s="96">
        <v>6874</v>
      </c>
      <c r="O40" s="277">
        <v>0</v>
      </c>
      <c r="P40" s="97">
        <v>784.5</v>
      </c>
    </row>
    <row r="41" spans="1:16" s="11" customFormat="1" ht="24" customHeight="1">
      <c r="B41" s="87"/>
      <c r="C41" s="88" t="s">
        <v>27</v>
      </c>
      <c r="D41" s="257"/>
      <c r="E41" s="108"/>
      <c r="F41" s="98">
        <v>1311</v>
      </c>
      <c r="G41" s="126">
        <v>1914</v>
      </c>
      <c r="H41" s="98">
        <v>899</v>
      </c>
      <c r="I41" s="126">
        <v>1015</v>
      </c>
      <c r="J41" s="94">
        <v>127</v>
      </c>
      <c r="K41" s="94">
        <v>959</v>
      </c>
      <c r="L41" s="94">
        <v>232</v>
      </c>
      <c r="M41" s="95">
        <v>2284</v>
      </c>
      <c r="N41" s="96">
        <v>1777</v>
      </c>
      <c r="O41" s="277">
        <v>0</v>
      </c>
      <c r="P41" s="97">
        <v>173.3</v>
      </c>
    </row>
    <row r="42" spans="1:16" s="11" customFormat="1" ht="24" customHeight="1">
      <c r="B42" s="87" t="s">
        <v>123</v>
      </c>
      <c r="C42" s="88" t="s">
        <v>28</v>
      </c>
      <c r="D42" s="257"/>
      <c r="E42" s="108"/>
      <c r="F42" s="98">
        <v>931</v>
      </c>
      <c r="G42" s="126">
        <v>1468</v>
      </c>
      <c r="H42" s="98">
        <v>662</v>
      </c>
      <c r="I42" s="126">
        <v>806</v>
      </c>
      <c r="J42" s="94">
        <v>148</v>
      </c>
      <c r="K42" s="94">
        <v>823</v>
      </c>
      <c r="L42" s="94">
        <v>109</v>
      </c>
      <c r="M42" s="95">
        <v>2177</v>
      </c>
      <c r="N42" s="96">
        <v>1363</v>
      </c>
      <c r="O42" s="96">
        <v>456</v>
      </c>
      <c r="P42" s="97">
        <v>201.6</v>
      </c>
    </row>
    <row r="43" spans="1:16" s="11" customFormat="1" ht="24" customHeight="1">
      <c r="B43" s="87"/>
      <c r="C43" s="88" t="s">
        <v>29</v>
      </c>
      <c r="D43" s="257"/>
      <c r="E43" s="108"/>
      <c r="F43" s="98">
        <v>1460</v>
      </c>
      <c r="G43" s="126">
        <v>2938</v>
      </c>
      <c r="H43" s="98">
        <v>1335</v>
      </c>
      <c r="I43" s="126">
        <v>1603</v>
      </c>
      <c r="J43" s="94">
        <v>268</v>
      </c>
      <c r="K43" s="94">
        <v>1990</v>
      </c>
      <c r="L43" s="94">
        <v>623</v>
      </c>
      <c r="M43" s="95">
        <v>2796</v>
      </c>
      <c r="N43" s="96">
        <v>874</v>
      </c>
      <c r="O43" s="96">
        <v>728</v>
      </c>
      <c r="P43" s="97">
        <v>97</v>
      </c>
    </row>
    <row r="44" spans="1:16" s="11" customFormat="1" ht="24" customHeight="1">
      <c r="B44" s="87" t="s">
        <v>323</v>
      </c>
      <c r="C44" s="88" t="s">
        <v>26</v>
      </c>
      <c r="D44" s="257"/>
      <c r="E44" s="108"/>
      <c r="F44" s="98">
        <v>1315</v>
      </c>
      <c r="G44" s="126">
        <v>1806</v>
      </c>
      <c r="H44" s="98">
        <v>806</v>
      </c>
      <c r="I44" s="126">
        <v>1000</v>
      </c>
      <c r="J44" s="94">
        <v>93</v>
      </c>
      <c r="K44" s="94">
        <v>997</v>
      </c>
      <c r="L44" s="94">
        <v>217</v>
      </c>
      <c r="M44" s="95">
        <v>5834</v>
      </c>
      <c r="N44" s="96">
        <v>4644</v>
      </c>
      <c r="O44" s="96">
        <v>679</v>
      </c>
      <c r="P44" s="97">
        <v>446.4</v>
      </c>
    </row>
    <row r="45" spans="1:16" s="11" customFormat="1" ht="24" customHeight="1">
      <c r="B45" s="87"/>
      <c r="C45" s="88" t="s">
        <v>27</v>
      </c>
      <c r="D45" s="257"/>
      <c r="E45" s="108"/>
      <c r="F45" s="98">
        <v>1212</v>
      </c>
      <c r="G45" s="126">
        <v>1816</v>
      </c>
      <c r="H45" s="98">
        <v>849</v>
      </c>
      <c r="I45" s="126">
        <v>967</v>
      </c>
      <c r="J45" s="94">
        <v>143</v>
      </c>
      <c r="K45" s="94">
        <v>913</v>
      </c>
      <c r="L45" s="94">
        <v>201</v>
      </c>
      <c r="M45" s="95">
        <v>1760</v>
      </c>
      <c r="N45" s="96">
        <v>1282</v>
      </c>
      <c r="O45" s="277">
        <v>0</v>
      </c>
      <c r="P45" s="97">
        <v>140</v>
      </c>
    </row>
    <row r="46" spans="1:16" s="11" customFormat="1" ht="24" customHeight="1">
      <c r="B46" s="87"/>
      <c r="C46" s="88" t="s">
        <v>28</v>
      </c>
      <c r="D46" s="257"/>
      <c r="E46" s="108"/>
      <c r="F46" s="98">
        <v>1491</v>
      </c>
      <c r="G46" s="126">
        <v>2348</v>
      </c>
      <c r="H46" s="98">
        <v>1102</v>
      </c>
      <c r="I46" s="126">
        <v>1246</v>
      </c>
      <c r="J46" s="94">
        <v>205</v>
      </c>
      <c r="K46" s="94">
        <v>1325</v>
      </c>
      <c r="L46" s="94">
        <v>207</v>
      </c>
      <c r="M46" s="95">
        <v>2719</v>
      </c>
      <c r="N46" s="96">
        <v>1748</v>
      </c>
      <c r="O46" s="96">
        <v>340</v>
      </c>
      <c r="P46" s="97">
        <v>156.5</v>
      </c>
    </row>
    <row r="47" spans="1:16" s="11" customFormat="1" ht="24" customHeight="1">
      <c r="B47" s="87"/>
      <c r="C47" s="88" t="s">
        <v>29</v>
      </c>
      <c r="D47" s="257"/>
      <c r="E47" s="108"/>
      <c r="F47" s="98">
        <v>3086</v>
      </c>
      <c r="G47" s="126">
        <v>5784</v>
      </c>
      <c r="H47" s="98">
        <v>2728</v>
      </c>
      <c r="I47" s="126">
        <v>3056</v>
      </c>
      <c r="J47" s="94">
        <v>586</v>
      </c>
      <c r="K47" s="94">
        <v>3595</v>
      </c>
      <c r="L47" s="94">
        <v>792</v>
      </c>
      <c r="M47" s="95">
        <v>4362</v>
      </c>
      <c r="N47" s="96">
        <v>2136</v>
      </c>
      <c r="O47" s="96">
        <v>432</v>
      </c>
      <c r="P47" s="97">
        <v>87.7</v>
      </c>
    </row>
    <row r="48" spans="1:16" s="11" customFormat="1" ht="24" customHeight="1">
      <c r="B48" s="87" t="s">
        <v>324</v>
      </c>
      <c r="C48" s="88" t="s">
        <v>26</v>
      </c>
      <c r="D48" s="257"/>
      <c r="E48" s="108"/>
      <c r="F48" s="98">
        <v>623</v>
      </c>
      <c r="G48" s="126">
        <v>1253</v>
      </c>
      <c r="H48" s="98">
        <v>626</v>
      </c>
      <c r="I48" s="126">
        <v>627</v>
      </c>
      <c r="J48" s="94">
        <v>151</v>
      </c>
      <c r="K48" s="94">
        <v>858</v>
      </c>
      <c r="L48" s="94">
        <v>188</v>
      </c>
      <c r="M48" s="95">
        <v>1154</v>
      </c>
      <c r="N48" s="96">
        <v>735</v>
      </c>
      <c r="O48" s="277">
        <v>0</v>
      </c>
      <c r="P48" s="97">
        <v>96.4</v>
      </c>
    </row>
    <row r="49" spans="2:16" s="11" customFormat="1" ht="24" customHeight="1">
      <c r="B49" s="87"/>
      <c r="C49" s="88" t="s">
        <v>27</v>
      </c>
      <c r="D49" s="257"/>
      <c r="E49" s="259"/>
      <c r="F49" s="98">
        <v>695</v>
      </c>
      <c r="G49" s="126">
        <v>1327</v>
      </c>
      <c r="H49" s="98">
        <v>624</v>
      </c>
      <c r="I49" s="126">
        <v>703</v>
      </c>
      <c r="J49" s="94">
        <v>148</v>
      </c>
      <c r="K49" s="94">
        <v>850</v>
      </c>
      <c r="L49" s="94">
        <v>249</v>
      </c>
      <c r="M49" s="95">
        <v>1235</v>
      </c>
      <c r="N49" s="96">
        <v>756</v>
      </c>
      <c r="O49" s="277">
        <v>0</v>
      </c>
      <c r="P49" s="97">
        <v>99</v>
      </c>
    </row>
    <row r="50" spans="2:16" s="11" customFormat="1" ht="24" customHeight="1">
      <c r="B50" s="87" t="s">
        <v>123</v>
      </c>
      <c r="C50" s="88" t="s">
        <v>28</v>
      </c>
      <c r="D50" s="257"/>
      <c r="E50" s="259"/>
      <c r="F50" s="98">
        <v>101</v>
      </c>
      <c r="G50" s="126">
        <v>249</v>
      </c>
      <c r="H50" s="98">
        <v>121</v>
      </c>
      <c r="I50" s="156">
        <v>128</v>
      </c>
      <c r="J50" s="123">
        <v>32</v>
      </c>
      <c r="K50" s="94">
        <v>186</v>
      </c>
      <c r="L50" s="94">
        <v>29</v>
      </c>
      <c r="M50" s="95">
        <v>1863</v>
      </c>
      <c r="N50" s="134">
        <v>1556</v>
      </c>
      <c r="O50" s="96">
        <v>238</v>
      </c>
      <c r="P50" s="97">
        <v>754.3</v>
      </c>
    </row>
    <row r="51" spans="2:16" s="11" customFormat="1" ht="24" customHeight="1">
      <c r="B51" s="87" t="s">
        <v>325</v>
      </c>
      <c r="C51" s="88" t="s">
        <v>26</v>
      </c>
      <c r="D51" s="257"/>
      <c r="E51" s="259"/>
      <c r="F51" s="98">
        <v>264</v>
      </c>
      <c r="G51" s="126">
        <v>522</v>
      </c>
      <c r="H51" s="98">
        <v>254</v>
      </c>
      <c r="I51" s="156">
        <v>268</v>
      </c>
      <c r="J51" s="123">
        <v>83</v>
      </c>
      <c r="K51" s="94">
        <v>358</v>
      </c>
      <c r="L51" s="94">
        <v>25</v>
      </c>
      <c r="M51" s="95">
        <v>774</v>
      </c>
      <c r="N51" s="134">
        <v>251</v>
      </c>
      <c r="O51" s="96">
        <v>365</v>
      </c>
      <c r="P51" s="97">
        <v>166.1</v>
      </c>
    </row>
    <row r="52" spans="2:16" s="11" customFormat="1" ht="24" customHeight="1">
      <c r="B52" s="87"/>
      <c r="C52" s="88" t="s">
        <v>27</v>
      </c>
      <c r="D52" s="257"/>
      <c r="E52" s="259"/>
      <c r="F52" s="98">
        <v>257</v>
      </c>
      <c r="G52" s="126">
        <v>416</v>
      </c>
      <c r="H52" s="98">
        <v>237</v>
      </c>
      <c r="I52" s="156">
        <v>179</v>
      </c>
      <c r="J52" s="123">
        <v>31</v>
      </c>
      <c r="K52" s="94">
        <v>279</v>
      </c>
      <c r="L52" s="94">
        <v>88</v>
      </c>
      <c r="M52" s="95">
        <v>1366</v>
      </c>
      <c r="N52" s="134">
        <v>1207</v>
      </c>
      <c r="O52" s="277">
        <v>0</v>
      </c>
      <c r="P52" s="97">
        <v>343.2</v>
      </c>
    </row>
    <row r="53" spans="2:16" s="11" customFormat="1" ht="24" customHeight="1">
      <c r="B53" s="87" t="s">
        <v>123</v>
      </c>
      <c r="C53" s="88" t="s">
        <v>28</v>
      </c>
      <c r="D53" s="257"/>
      <c r="E53" s="259"/>
      <c r="F53" s="98">
        <v>697</v>
      </c>
      <c r="G53" s="126">
        <v>1657</v>
      </c>
      <c r="H53" s="98">
        <v>793</v>
      </c>
      <c r="I53" s="156">
        <v>864</v>
      </c>
      <c r="J53" s="123">
        <v>236</v>
      </c>
      <c r="K53" s="94">
        <v>1020</v>
      </c>
      <c r="L53" s="94">
        <v>315</v>
      </c>
      <c r="M53" s="95">
        <v>1257</v>
      </c>
      <c r="N53" s="134">
        <v>596</v>
      </c>
      <c r="O53" s="277">
        <v>0</v>
      </c>
      <c r="P53" s="97">
        <v>80</v>
      </c>
    </row>
    <row r="54" spans="2:16" s="11" customFormat="1" ht="24" customHeight="1">
      <c r="B54" s="87"/>
      <c r="C54" s="88" t="s">
        <v>29</v>
      </c>
      <c r="D54" s="257"/>
      <c r="E54" s="259"/>
      <c r="F54" s="98">
        <v>224</v>
      </c>
      <c r="G54" s="126">
        <v>521</v>
      </c>
      <c r="H54" s="98">
        <v>257</v>
      </c>
      <c r="I54" s="156">
        <v>264</v>
      </c>
      <c r="J54" s="123">
        <v>61</v>
      </c>
      <c r="K54" s="94">
        <v>296</v>
      </c>
      <c r="L54" s="94">
        <v>164</v>
      </c>
      <c r="M54" s="95">
        <v>657</v>
      </c>
      <c r="N54" s="134">
        <v>450</v>
      </c>
      <c r="O54" s="277">
        <v>0</v>
      </c>
      <c r="P54" s="97">
        <v>126.1</v>
      </c>
    </row>
    <row r="55" spans="2:16" s="11" customFormat="1" ht="24" customHeight="1">
      <c r="B55" s="87" t="s">
        <v>326</v>
      </c>
      <c r="C55" s="88" t="s">
        <v>26</v>
      </c>
      <c r="D55" s="257"/>
      <c r="E55" s="259"/>
      <c r="F55" s="98">
        <v>905</v>
      </c>
      <c r="G55" s="126">
        <v>1926</v>
      </c>
      <c r="H55" s="98">
        <v>916</v>
      </c>
      <c r="I55" s="156">
        <v>1010</v>
      </c>
      <c r="J55" s="123">
        <v>272</v>
      </c>
      <c r="K55" s="94">
        <v>1335</v>
      </c>
      <c r="L55" s="94">
        <v>234</v>
      </c>
      <c r="M55" s="95">
        <v>1104</v>
      </c>
      <c r="N55" s="134">
        <v>464</v>
      </c>
      <c r="O55" s="277">
        <v>0</v>
      </c>
      <c r="P55" s="97">
        <v>60</v>
      </c>
    </row>
    <row r="56" spans="2:16" s="11" customFormat="1" ht="24" customHeight="1">
      <c r="B56" s="87"/>
      <c r="C56" s="88" t="s">
        <v>27</v>
      </c>
      <c r="D56" s="257"/>
      <c r="E56" s="259"/>
      <c r="F56" s="98">
        <v>950</v>
      </c>
      <c r="G56" s="126">
        <v>1345</v>
      </c>
      <c r="H56" s="98">
        <v>694</v>
      </c>
      <c r="I56" s="156">
        <v>651</v>
      </c>
      <c r="J56" s="123">
        <v>71</v>
      </c>
      <c r="K56" s="94">
        <v>788</v>
      </c>
      <c r="L56" s="94">
        <v>156</v>
      </c>
      <c r="M56" s="95">
        <v>1357</v>
      </c>
      <c r="N56" s="134">
        <v>911</v>
      </c>
      <c r="O56" s="277">
        <v>0</v>
      </c>
      <c r="P56" s="97">
        <v>133.69999999999999</v>
      </c>
    </row>
    <row r="57" spans="2:16" s="11" customFormat="1" ht="24" customHeight="1">
      <c r="B57" s="87"/>
      <c r="C57" s="88" t="s">
        <v>28</v>
      </c>
      <c r="D57" s="257"/>
      <c r="E57" s="259"/>
      <c r="F57" s="98">
        <v>582</v>
      </c>
      <c r="G57" s="126">
        <v>1015</v>
      </c>
      <c r="H57" s="98">
        <v>495</v>
      </c>
      <c r="I57" s="156">
        <v>520</v>
      </c>
      <c r="J57" s="123">
        <v>83</v>
      </c>
      <c r="K57" s="94">
        <v>618</v>
      </c>
      <c r="L57" s="94">
        <v>208</v>
      </c>
      <c r="M57" s="95">
        <v>985</v>
      </c>
      <c r="N57" s="134">
        <v>576</v>
      </c>
      <c r="O57" s="277">
        <v>0</v>
      </c>
      <c r="P57" s="97">
        <v>108.4</v>
      </c>
    </row>
    <row r="58" spans="2:16" s="11" customFormat="1" ht="24" customHeight="1">
      <c r="B58" s="87"/>
      <c r="C58" s="88" t="s">
        <v>29</v>
      </c>
      <c r="D58" s="257"/>
      <c r="E58" s="259"/>
      <c r="F58" s="98">
        <v>1109</v>
      </c>
      <c r="G58" s="126">
        <v>1707</v>
      </c>
      <c r="H58" s="98">
        <v>865</v>
      </c>
      <c r="I58" s="156">
        <v>842</v>
      </c>
      <c r="J58" s="123">
        <v>128</v>
      </c>
      <c r="K58" s="94">
        <v>1098</v>
      </c>
      <c r="L58" s="94">
        <v>253</v>
      </c>
      <c r="M58" s="95">
        <v>992</v>
      </c>
      <c r="N58" s="134">
        <v>465</v>
      </c>
      <c r="O58" s="277">
        <v>0</v>
      </c>
      <c r="P58" s="97">
        <v>67.099999999999994</v>
      </c>
    </row>
    <row r="59" spans="2:16" s="11" customFormat="1" ht="24" customHeight="1">
      <c r="B59" s="87" t="s">
        <v>327</v>
      </c>
      <c r="C59" s="88" t="s">
        <v>26</v>
      </c>
      <c r="D59" s="257"/>
      <c r="E59" s="259"/>
      <c r="F59" s="98">
        <v>1599</v>
      </c>
      <c r="G59" s="126">
        <v>2748</v>
      </c>
      <c r="H59" s="98">
        <v>1326</v>
      </c>
      <c r="I59" s="156">
        <v>1422</v>
      </c>
      <c r="J59" s="123">
        <v>204</v>
      </c>
      <c r="K59" s="94">
        <v>2014</v>
      </c>
      <c r="L59" s="94">
        <v>509</v>
      </c>
      <c r="M59" s="95">
        <v>3699</v>
      </c>
      <c r="N59" s="134">
        <v>2511</v>
      </c>
      <c r="O59" s="277">
        <v>0</v>
      </c>
      <c r="P59" s="97">
        <v>135.6</v>
      </c>
    </row>
    <row r="60" spans="2:16" s="11" customFormat="1" ht="24" customHeight="1">
      <c r="B60" s="87"/>
      <c r="C60" s="88" t="s">
        <v>27</v>
      </c>
      <c r="D60" s="257"/>
      <c r="E60" s="259"/>
      <c r="F60" s="98">
        <v>840</v>
      </c>
      <c r="G60" s="126">
        <v>1783</v>
      </c>
      <c r="H60" s="98">
        <v>845</v>
      </c>
      <c r="I60" s="156">
        <v>938</v>
      </c>
      <c r="J60" s="123">
        <v>189</v>
      </c>
      <c r="K60" s="94">
        <v>1169</v>
      </c>
      <c r="L60" s="94">
        <v>396</v>
      </c>
      <c r="M60" s="95">
        <v>1666</v>
      </c>
      <c r="N60" s="134">
        <v>757</v>
      </c>
      <c r="O60" s="96">
        <v>186</v>
      </c>
      <c r="P60" s="97">
        <v>95</v>
      </c>
    </row>
    <row r="61" spans="2:16" s="11" customFormat="1" ht="24" customHeight="1">
      <c r="B61" s="87"/>
      <c r="C61" s="88" t="s">
        <v>28</v>
      </c>
      <c r="D61" s="257"/>
      <c r="E61" s="259"/>
      <c r="F61" s="98">
        <v>719</v>
      </c>
      <c r="G61" s="126">
        <v>1554</v>
      </c>
      <c r="H61" s="98">
        <v>746</v>
      </c>
      <c r="I61" s="156">
        <v>808</v>
      </c>
      <c r="J61" s="123">
        <v>154</v>
      </c>
      <c r="K61" s="94">
        <v>1005</v>
      </c>
      <c r="L61" s="94">
        <v>368</v>
      </c>
      <c r="M61" s="95">
        <v>904</v>
      </c>
      <c r="N61" s="134">
        <v>332</v>
      </c>
      <c r="O61" s="277">
        <v>0</v>
      </c>
      <c r="P61" s="97">
        <v>59.2</v>
      </c>
    </row>
    <row r="62" spans="2:16" s="11" customFormat="1" ht="24" customHeight="1">
      <c r="B62" s="87" t="s">
        <v>328</v>
      </c>
      <c r="C62" s="88" t="s">
        <v>26</v>
      </c>
      <c r="D62" s="257"/>
      <c r="E62" s="259"/>
      <c r="F62" s="98">
        <v>585</v>
      </c>
      <c r="G62" s="126">
        <v>1003</v>
      </c>
      <c r="H62" s="98">
        <v>502</v>
      </c>
      <c r="I62" s="156">
        <v>501</v>
      </c>
      <c r="J62" s="123">
        <v>121</v>
      </c>
      <c r="K62" s="94">
        <v>603</v>
      </c>
      <c r="L62" s="94">
        <v>90</v>
      </c>
      <c r="M62" s="95">
        <v>2036</v>
      </c>
      <c r="N62" s="134">
        <v>1726</v>
      </c>
      <c r="O62" s="277">
        <v>0</v>
      </c>
      <c r="P62" s="97">
        <v>250.1</v>
      </c>
    </row>
    <row r="63" spans="2:16" s="11" customFormat="1" ht="24" customHeight="1">
      <c r="B63" s="87"/>
      <c r="C63" s="88" t="s">
        <v>27</v>
      </c>
      <c r="D63" s="257"/>
      <c r="E63" s="259"/>
      <c r="F63" s="98">
        <v>1222</v>
      </c>
      <c r="G63" s="126">
        <v>2386</v>
      </c>
      <c r="H63" s="98">
        <v>1142</v>
      </c>
      <c r="I63" s="156">
        <v>1244</v>
      </c>
      <c r="J63" s="123">
        <v>273</v>
      </c>
      <c r="K63" s="94">
        <v>1449</v>
      </c>
      <c r="L63" s="94">
        <v>399</v>
      </c>
      <c r="M63" s="95">
        <v>2274</v>
      </c>
      <c r="N63" s="134">
        <v>1322</v>
      </c>
      <c r="O63" s="96">
        <v>187</v>
      </c>
      <c r="P63" s="97">
        <v>107.2</v>
      </c>
    </row>
    <row r="64" spans="2:16" s="11" customFormat="1" ht="24" customHeight="1">
      <c r="B64" s="87"/>
      <c r="C64" s="88" t="s">
        <v>28</v>
      </c>
      <c r="D64" s="257"/>
      <c r="E64" s="259"/>
      <c r="F64" s="98">
        <v>743</v>
      </c>
      <c r="G64" s="126">
        <v>1715</v>
      </c>
      <c r="H64" s="98">
        <v>824</v>
      </c>
      <c r="I64" s="156">
        <v>891</v>
      </c>
      <c r="J64" s="123">
        <v>202</v>
      </c>
      <c r="K64" s="94">
        <v>1004</v>
      </c>
      <c r="L64" s="94">
        <v>393</v>
      </c>
      <c r="M64" s="95">
        <v>1793</v>
      </c>
      <c r="N64" s="134">
        <v>1164</v>
      </c>
      <c r="O64" s="277">
        <v>0</v>
      </c>
      <c r="P64" s="97">
        <v>112.1</v>
      </c>
    </row>
    <row r="65" spans="1:16" s="11" customFormat="1" ht="24" customHeight="1">
      <c r="B65" s="87"/>
      <c r="C65" s="88" t="s">
        <v>29</v>
      </c>
      <c r="D65" s="257"/>
      <c r="E65" s="259"/>
      <c r="F65" s="98">
        <v>912</v>
      </c>
      <c r="G65" s="126">
        <v>2329</v>
      </c>
      <c r="H65" s="98">
        <v>1135</v>
      </c>
      <c r="I65" s="156">
        <v>1194</v>
      </c>
      <c r="J65" s="123">
        <v>413</v>
      </c>
      <c r="K65" s="94">
        <v>1497</v>
      </c>
      <c r="L65" s="94">
        <v>368</v>
      </c>
      <c r="M65" s="95">
        <v>1950</v>
      </c>
      <c r="N65" s="134">
        <v>903</v>
      </c>
      <c r="O65" s="96">
        <v>244</v>
      </c>
      <c r="P65" s="97">
        <v>85.6</v>
      </c>
    </row>
    <row r="66" spans="1:16" s="11" customFormat="1" ht="24" customHeight="1">
      <c r="B66" s="87" t="s">
        <v>329</v>
      </c>
      <c r="C66" s="88" t="s">
        <v>26</v>
      </c>
      <c r="D66" s="257"/>
      <c r="E66" s="259"/>
      <c r="F66" s="98">
        <v>103</v>
      </c>
      <c r="G66" s="126">
        <v>226</v>
      </c>
      <c r="H66" s="98">
        <v>104</v>
      </c>
      <c r="I66" s="156">
        <v>122</v>
      </c>
      <c r="J66" s="123">
        <v>19</v>
      </c>
      <c r="K66" s="94">
        <v>164</v>
      </c>
      <c r="L66" s="94">
        <v>43</v>
      </c>
      <c r="M66" s="95">
        <v>417</v>
      </c>
      <c r="N66" s="134">
        <v>326</v>
      </c>
      <c r="O66" s="277">
        <v>0</v>
      </c>
      <c r="P66" s="97">
        <v>184.5</v>
      </c>
    </row>
    <row r="67" spans="1:16" s="11" customFormat="1" ht="24" customHeight="1">
      <c r="B67" s="87"/>
      <c r="C67" s="88" t="s">
        <v>27</v>
      </c>
      <c r="D67" s="257"/>
      <c r="E67" s="259"/>
      <c r="F67" s="281">
        <v>43</v>
      </c>
      <c r="G67" s="282">
        <v>94</v>
      </c>
      <c r="H67" s="281">
        <v>44</v>
      </c>
      <c r="I67" s="283">
        <v>50</v>
      </c>
      <c r="J67" s="284">
        <v>6</v>
      </c>
      <c r="K67" s="285">
        <v>53</v>
      </c>
      <c r="L67" s="285">
        <v>28</v>
      </c>
      <c r="M67" s="95">
        <v>537</v>
      </c>
      <c r="N67" s="134">
        <v>505</v>
      </c>
      <c r="O67" s="277">
        <v>0</v>
      </c>
      <c r="P67" s="97">
        <v>617.20000000000005</v>
      </c>
    </row>
    <row r="68" spans="1:16" s="11" customFormat="1" ht="24" customHeight="1">
      <c r="B68" s="87" t="s">
        <v>330</v>
      </c>
      <c r="C68" s="88" t="s">
        <v>26</v>
      </c>
      <c r="D68" s="257"/>
      <c r="E68" s="259"/>
      <c r="F68" s="281">
        <v>512</v>
      </c>
      <c r="G68" s="282">
        <v>1109</v>
      </c>
      <c r="H68" s="281">
        <v>534</v>
      </c>
      <c r="I68" s="283">
        <v>575</v>
      </c>
      <c r="J68" s="284">
        <v>143</v>
      </c>
      <c r="K68" s="285">
        <v>786</v>
      </c>
      <c r="L68" s="285">
        <v>145</v>
      </c>
      <c r="M68" s="95">
        <v>1555</v>
      </c>
      <c r="N68" s="134">
        <v>1176</v>
      </c>
      <c r="O68" s="277">
        <v>0</v>
      </c>
      <c r="P68" s="97">
        <v>144.80000000000001</v>
      </c>
    </row>
    <row r="69" spans="1:16" s="11" customFormat="1" ht="24" customHeight="1">
      <c r="B69" s="136"/>
      <c r="C69" s="137" t="s">
        <v>27</v>
      </c>
      <c r="D69" s="286"/>
      <c r="E69" s="259"/>
      <c r="F69" s="281">
        <v>217</v>
      </c>
      <c r="G69" s="284">
        <v>411</v>
      </c>
      <c r="H69" s="281">
        <v>198</v>
      </c>
      <c r="I69" s="283">
        <v>213</v>
      </c>
      <c r="J69" s="284">
        <v>29</v>
      </c>
      <c r="K69" s="285">
        <v>235</v>
      </c>
      <c r="L69" s="285">
        <v>77</v>
      </c>
      <c r="M69" s="95">
        <v>934</v>
      </c>
      <c r="N69" s="134">
        <v>836</v>
      </c>
      <c r="O69" s="277">
        <v>0</v>
      </c>
      <c r="P69" s="97">
        <v>273.89999999999998</v>
      </c>
    </row>
    <row r="70" spans="1:16" ht="3" customHeight="1">
      <c r="A70" s="141"/>
      <c r="B70" s="141"/>
      <c r="C70" s="141"/>
      <c r="D70" s="141"/>
      <c r="E70" s="143"/>
      <c r="F70" s="143"/>
      <c r="G70" s="141"/>
      <c r="H70" s="143"/>
      <c r="I70" s="196"/>
      <c r="J70" s="196"/>
      <c r="K70" s="143"/>
      <c r="L70" s="141"/>
      <c r="M70" s="197"/>
      <c r="N70" s="198"/>
      <c r="O70" s="199"/>
      <c r="P70" s="141"/>
    </row>
  </sheetData>
  <mergeCells count="9">
    <mergeCell ref="B9:C9"/>
    <mergeCell ref="A1:D1"/>
    <mergeCell ref="A4:P4"/>
    <mergeCell ref="B6:C7"/>
    <mergeCell ref="F6:F7"/>
    <mergeCell ref="G6:I6"/>
    <mergeCell ref="J6:L6"/>
    <mergeCell ref="M6:O6"/>
    <mergeCell ref="P6:P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39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70"/>
  <sheetViews>
    <sheetView zoomScaleNormal="100" zoomScaleSheetLayoutView="115" workbookViewId="0">
      <pane ySplit="8" topLeftCell="A9" activePane="bottomLeft" state="frozen"/>
      <selection pane="bottomLeft" sqref="A1:XFD1"/>
    </sheetView>
  </sheetViews>
  <sheetFormatPr defaultRowHeight="12"/>
  <cols>
    <col min="1" max="1" width="0.6640625" style="44" customWidth="1"/>
    <col min="2" max="2" width="9.1640625" style="44" customWidth="1"/>
    <col min="3" max="3" width="5.83203125" style="44" customWidth="1"/>
    <col min="4" max="4" width="0.33203125" style="44" customWidth="1"/>
    <col min="5" max="5" width="4.1640625" style="44" customWidth="1"/>
    <col min="6" max="6" width="9.5" style="44" customWidth="1"/>
    <col min="7" max="7" width="11.33203125" style="44" customWidth="1"/>
    <col min="8" max="9" width="9.83203125" style="44" customWidth="1"/>
    <col min="10" max="12" width="9.5" style="44" customWidth="1"/>
    <col min="13" max="13" width="9.6640625" style="45" customWidth="1"/>
    <col min="14" max="15" width="9.83203125" style="45" customWidth="1"/>
    <col min="16" max="16" width="11" style="44" customWidth="1"/>
    <col min="17" max="16384" width="9.33203125" style="44"/>
  </cols>
  <sheetData>
    <row r="1" spans="1:16" s="1" customFormat="1" ht="16.5" customHeight="1">
      <c r="A1" s="387" t="s">
        <v>1</v>
      </c>
      <c r="B1" s="387"/>
      <c r="C1" s="387"/>
      <c r="D1" s="387"/>
      <c r="I1" s="2"/>
      <c r="J1" s="2"/>
      <c r="K1" s="2"/>
      <c r="L1" s="2"/>
      <c r="M1" s="2"/>
      <c r="N1" s="2"/>
      <c r="O1" s="2"/>
    </row>
    <row r="3" spans="1:16">
      <c r="A3" s="44" t="s">
        <v>78</v>
      </c>
    </row>
    <row r="4" spans="1:16" s="47" customFormat="1" ht="26.25" customHeight="1">
      <c r="A4" s="406" t="s">
        <v>156</v>
      </c>
      <c r="B4" s="406"/>
      <c r="C4" s="406"/>
      <c r="D4" s="406"/>
      <c r="E4" s="406"/>
      <c r="F4" s="406"/>
      <c r="G4" s="406"/>
      <c r="H4" s="406"/>
      <c r="I4" s="406"/>
      <c r="J4" s="406"/>
      <c r="K4" s="406"/>
      <c r="L4" s="406"/>
      <c r="M4" s="406"/>
      <c r="N4" s="406"/>
      <c r="O4" s="406"/>
      <c r="P4" s="406"/>
    </row>
    <row r="5" spans="1:16" ht="20.100000000000001" customHeight="1" thickBot="1">
      <c r="A5" s="48" t="s">
        <v>331</v>
      </c>
      <c r="B5" s="49"/>
      <c r="C5" s="49"/>
      <c r="D5" s="49"/>
      <c r="E5" s="49"/>
      <c r="F5" s="49"/>
      <c r="G5" s="49"/>
      <c r="H5" s="49"/>
      <c r="I5" s="49"/>
      <c r="J5" s="49"/>
      <c r="K5" s="49"/>
      <c r="L5" s="49"/>
      <c r="M5" s="50"/>
      <c r="N5" s="50"/>
      <c r="O5" s="50"/>
      <c r="P5" s="49"/>
    </row>
    <row r="6" spans="1:16" s="55" customFormat="1" ht="18" customHeight="1" thickTop="1">
      <c r="A6" s="52"/>
      <c r="B6" s="407" t="s">
        <v>81</v>
      </c>
      <c r="C6" s="407"/>
      <c r="D6" s="53"/>
      <c r="E6" s="54" t="s">
        <v>82</v>
      </c>
      <c r="F6" s="409" t="s">
        <v>83</v>
      </c>
      <c r="G6" s="411" t="s">
        <v>40</v>
      </c>
      <c r="H6" s="412"/>
      <c r="I6" s="412"/>
      <c r="J6" s="411" t="s">
        <v>84</v>
      </c>
      <c r="K6" s="412"/>
      <c r="L6" s="413"/>
      <c r="M6" s="417" t="s">
        <v>42</v>
      </c>
      <c r="N6" s="418"/>
      <c r="O6" s="419"/>
      <c r="P6" s="430" t="s">
        <v>158</v>
      </c>
    </row>
    <row r="7" spans="1:16" s="55" customFormat="1" ht="24.75" customHeight="1" thickBot="1">
      <c r="A7" s="56"/>
      <c r="B7" s="408"/>
      <c r="C7" s="408"/>
      <c r="D7" s="57"/>
      <c r="E7" s="58" t="s">
        <v>86</v>
      </c>
      <c r="F7" s="410"/>
      <c r="G7" s="59" t="s">
        <v>87</v>
      </c>
      <c r="H7" s="60" t="s">
        <v>45</v>
      </c>
      <c r="I7" s="58" t="s">
        <v>46</v>
      </c>
      <c r="J7" s="59" t="s">
        <v>88</v>
      </c>
      <c r="K7" s="59" t="s">
        <v>89</v>
      </c>
      <c r="L7" s="59" t="s">
        <v>90</v>
      </c>
      <c r="M7" s="61"/>
      <c r="N7" s="62" t="s">
        <v>91</v>
      </c>
      <c r="O7" s="63" t="s">
        <v>52</v>
      </c>
      <c r="P7" s="431"/>
    </row>
    <row r="8" spans="1:16" s="15" customFormat="1" ht="3" customHeight="1" thickTop="1">
      <c r="A8" s="188"/>
      <c r="B8" s="68"/>
      <c r="C8" s="68"/>
      <c r="D8" s="189"/>
      <c r="E8" s="190"/>
      <c r="F8" s="179"/>
      <c r="G8" s="180"/>
      <c r="H8" s="181"/>
      <c r="I8" s="182"/>
      <c r="J8" s="179"/>
      <c r="K8" s="179"/>
      <c r="L8" s="179"/>
      <c r="M8" s="183"/>
      <c r="N8" s="184"/>
      <c r="O8" s="184"/>
      <c r="P8" s="185"/>
    </row>
    <row r="9" spans="1:16" s="64" customFormat="1" ht="24.75" customHeight="1">
      <c r="B9" s="429" t="s">
        <v>92</v>
      </c>
      <c r="C9" s="432"/>
      <c r="D9" s="255"/>
      <c r="E9" s="256"/>
      <c r="F9" s="152">
        <v>37702</v>
      </c>
      <c r="G9" s="152">
        <v>83191</v>
      </c>
      <c r="H9" s="154">
        <v>40718</v>
      </c>
      <c r="I9" s="155">
        <v>42473</v>
      </c>
      <c r="J9" s="81">
        <v>10281</v>
      </c>
      <c r="K9" s="83">
        <v>55569</v>
      </c>
      <c r="L9" s="287">
        <v>17209</v>
      </c>
      <c r="M9" s="84">
        <v>89057</v>
      </c>
      <c r="N9" s="288">
        <v>45315</v>
      </c>
      <c r="O9" s="288">
        <v>8411</v>
      </c>
      <c r="P9" s="289">
        <v>107.2</v>
      </c>
    </row>
    <row r="10" spans="1:16" s="11" customFormat="1" ht="3" customHeight="1">
      <c r="B10" s="87"/>
      <c r="C10" s="88"/>
      <c r="D10" s="257"/>
      <c r="E10" s="108"/>
      <c r="F10" s="91"/>
      <c r="G10" s="91"/>
      <c r="H10" s="92"/>
      <c r="I10" s="99"/>
      <c r="J10" s="94"/>
      <c r="K10" s="94"/>
      <c r="L10" s="94"/>
      <c r="M10" s="95"/>
      <c r="N10" s="96"/>
      <c r="O10" s="96"/>
      <c r="P10" s="97"/>
    </row>
    <row r="11" spans="1:16" s="11" customFormat="1" ht="24.75" customHeight="1">
      <c r="B11" s="87" t="s">
        <v>332</v>
      </c>
      <c r="C11" s="88" t="s">
        <v>26</v>
      </c>
      <c r="D11" s="257"/>
      <c r="E11" s="108"/>
      <c r="F11" s="98">
        <v>454</v>
      </c>
      <c r="G11" s="126">
        <v>1128</v>
      </c>
      <c r="H11" s="98">
        <v>504</v>
      </c>
      <c r="I11" s="126">
        <v>624</v>
      </c>
      <c r="J11" s="94">
        <v>91</v>
      </c>
      <c r="K11" s="94">
        <v>766</v>
      </c>
      <c r="L11" s="94">
        <v>271</v>
      </c>
      <c r="M11" s="95">
        <v>1328</v>
      </c>
      <c r="N11" s="96">
        <v>795</v>
      </c>
      <c r="O11" s="278">
        <v>0</v>
      </c>
      <c r="P11" s="97">
        <v>117.7</v>
      </c>
    </row>
    <row r="12" spans="1:16" s="11" customFormat="1" ht="24.75" customHeight="1">
      <c r="B12" s="87"/>
      <c r="C12" s="88" t="s">
        <v>27</v>
      </c>
      <c r="D12" s="257"/>
      <c r="E12" s="108"/>
      <c r="F12" s="98">
        <v>985</v>
      </c>
      <c r="G12" s="126">
        <v>2110</v>
      </c>
      <c r="H12" s="98">
        <v>1009</v>
      </c>
      <c r="I12" s="126">
        <v>1101</v>
      </c>
      <c r="J12" s="94">
        <v>238</v>
      </c>
      <c r="K12" s="94">
        <v>1512</v>
      </c>
      <c r="L12" s="94">
        <v>360</v>
      </c>
      <c r="M12" s="95">
        <v>2478</v>
      </c>
      <c r="N12" s="96">
        <v>553</v>
      </c>
      <c r="O12" s="96">
        <v>1049</v>
      </c>
      <c r="P12" s="97">
        <v>117.4</v>
      </c>
    </row>
    <row r="13" spans="1:16" s="11" customFormat="1" ht="24.75" customHeight="1">
      <c r="B13" s="87"/>
      <c r="C13" s="88" t="s">
        <v>28</v>
      </c>
      <c r="D13" s="257"/>
      <c r="E13" s="108"/>
      <c r="F13" s="98">
        <v>596</v>
      </c>
      <c r="G13" s="126">
        <v>1073</v>
      </c>
      <c r="H13" s="98">
        <v>463</v>
      </c>
      <c r="I13" s="126">
        <v>610</v>
      </c>
      <c r="J13" s="94">
        <v>104</v>
      </c>
      <c r="K13" s="94">
        <v>788</v>
      </c>
      <c r="L13" s="94">
        <v>175</v>
      </c>
      <c r="M13" s="95">
        <v>2145</v>
      </c>
      <c r="N13" s="96">
        <v>1208</v>
      </c>
      <c r="O13" s="96">
        <v>513</v>
      </c>
      <c r="P13" s="97">
        <v>201</v>
      </c>
    </row>
    <row r="14" spans="1:16" s="11" customFormat="1" ht="24.75" customHeight="1">
      <c r="B14" s="87"/>
      <c r="C14" s="88" t="s">
        <v>29</v>
      </c>
      <c r="D14" s="257"/>
      <c r="E14" s="108"/>
      <c r="F14" s="98">
        <v>543</v>
      </c>
      <c r="G14" s="126">
        <v>1277</v>
      </c>
      <c r="H14" s="98">
        <v>603</v>
      </c>
      <c r="I14" s="126">
        <v>674</v>
      </c>
      <c r="J14" s="94">
        <v>157</v>
      </c>
      <c r="K14" s="94">
        <v>882</v>
      </c>
      <c r="L14" s="94">
        <v>238</v>
      </c>
      <c r="M14" s="95">
        <v>964</v>
      </c>
      <c r="N14" s="96">
        <v>417</v>
      </c>
      <c r="O14" s="278">
        <v>0</v>
      </c>
      <c r="P14" s="97">
        <v>75.5</v>
      </c>
    </row>
    <row r="15" spans="1:16" s="11" customFormat="1" ht="24.75" customHeight="1">
      <c r="B15" s="87"/>
      <c r="C15" s="88" t="s">
        <v>30</v>
      </c>
      <c r="D15" s="257"/>
      <c r="E15" s="108"/>
      <c r="F15" s="98">
        <v>724</v>
      </c>
      <c r="G15" s="126">
        <v>1862</v>
      </c>
      <c r="H15" s="98">
        <v>928</v>
      </c>
      <c r="I15" s="126">
        <v>934</v>
      </c>
      <c r="J15" s="94">
        <v>297</v>
      </c>
      <c r="K15" s="94">
        <v>1314</v>
      </c>
      <c r="L15" s="94">
        <v>251</v>
      </c>
      <c r="M15" s="95">
        <v>1450</v>
      </c>
      <c r="N15" s="96">
        <v>739</v>
      </c>
      <c r="O15" s="278">
        <v>0</v>
      </c>
      <c r="P15" s="97">
        <v>77.900000000000006</v>
      </c>
    </row>
    <row r="16" spans="1:16" s="11" customFormat="1" ht="24.75" customHeight="1">
      <c r="B16" s="87"/>
      <c r="C16" s="88" t="s">
        <v>31</v>
      </c>
      <c r="D16" s="257"/>
      <c r="E16" s="108"/>
      <c r="F16" s="98">
        <v>5</v>
      </c>
      <c r="G16" s="126">
        <v>32</v>
      </c>
      <c r="H16" s="98">
        <v>19</v>
      </c>
      <c r="I16" s="126">
        <v>13</v>
      </c>
      <c r="J16" s="94">
        <v>3</v>
      </c>
      <c r="K16" s="94">
        <v>24</v>
      </c>
      <c r="L16" s="94">
        <v>5</v>
      </c>
      <c r="M16" s="95">
        <v>766</v>
      </c>
      <c r="N16" s="96">
        <v>765</v>
      </c>
      <c r="O16" s="278">
        <v>0</v>
      </c>
      <c r="P16" s="97">
        <v>2393.8000000000002</v>
      </c>
    </row>
    <row r="17" spans="2:16" s="11" customFormat="1" ht="24.75" customHeight="1">
      <c r="B17" s="87" t="s">
        <v>333</v>
      </c>
      <c r="C17" s="88" t="s">
        <v>26</v>
      </c>
      <c r="D17" s="257"/>
      <c r="E17" s="108"/>
      <c r="F17" s="98">
        <v>894</v>
      </c>
      <c r="G17" s="126">
        <v>1527</v>
      </c>
      <c r="H17" s="98">
        <v>769</v>
      </c>
      <c r="I17" s="126">
        <v>758</v>
      </c>
      <c r="J17" s="94">
        <v>172</v>
      </c>
      <c r="K17" s="94">
        <v>1140</v>
      </c>
      <c r="L17" s="94">
        <v>211</v>
      </c>
      <c r="M17" s="95">
        <v>1335</v>
      </c>
      <c r="N17" s="96">
        <v>767</v>
      </c>
      <c r="O17" s="278">
        <v>0</v>
      </c>
      <c r="P17" s="97">
        <v>87.7</v>
      </c>
    </row>
    <row r="18" spans="2:16" s="11" customFormat="1" ht="24.75" customHeight="1">
      <c r="B18" s="87"/>
      <c r="C18" s="88" t="s">
        <v>27</v>
      </c>
      <c r="D18" s="257"/>
      <c r="E18" s="108"/>
      <c r="F18" s="98">
        <v>901</v>
      </c>
      <c r="G18" s="126">
        <v>2029</v>
      </c>
      <c r="H18" s="98">
        <v>983</v>
      </c>
      <c r="I18" s="126">
        <v>1046</v>
      </c>
      <c r="J18" s="94">
        <v>234</v>
      </c>
      <c r="K18" s="94">
        <v>1331</v>
      </c>
      <c r="L18" s="94">
        <v>462</v>
      </c>
      <c r="M18" s="95">
        <v>2709</v>
      </c>
      <c r="N18" s="96">
        <v>784</v>
      </c>
      <c r="O18" s="96">
        <v>1112</v>
      </c>
      <c r="P18" s="97">
        <v>133.6</v>
      </c>
    </row>
    <row r="19" spans="2:16" s="11" customFormat="1" ht="24.75" customHeight="1">
      <c r="B19" s="87"/>
      <c r="C19" s="88" t="s">
        <v>28</v>
      </c>
      <c r="D19" s="257"/>
      <c r="E19" s="108"/>
      <c r="F19" s="98">
        <v>498</v>
      </c>
      <c r="G19" s="126">
        <v>972</v>
      </c>
      <c r="H19" s="98">
        <v>488</v>
      </c>
      <c r="I19" s="126">
        <v>484</v>
      </c>
      <c r="J19" s="94">
        <v>123</v>
      </c>
      <c r="K19" s="94">
        <v>690</v>
      </c>
      <c r="L19" s="94">
        <v>159</v>
      </c>
      <c r="M19" s="95">
        <v>1448</v>
      </c>
      <c r="N19" s="96">
        <v>742</v>
      </c>
      <c r="O19" s="96">
        <v>306</v>
      </c>
      <c r="P19" s="97">
        <v>149</v>
      </c>
    </row>
    <row r="20" spans="2:16" s="11" customFormat="1" ht="24.75" customHeight="1">
      <c r="B20" s="87" t="s">
        <v>334</v>
      </c>
      <c r="C20" s="88" t="s">
        <v>26</v>
      </c>
      <c r="D20" s="257"/>
      <c r="E20" s="108"/>
      <c r="F20" s="98">
        <v>554</v>
      </c>
      <c r="G20" s="126">
        <v>1180</v>
      </c>
      <c r="H20" s="98">
        <v>593</v>
      </c>
      <c r="I20" s="126">
        <v>587</v>
      </c>
      <c r="J20" s="94">
        <v>174</v>
      </c>
      <c r="K20" s="94">
        <v>870</v>
      </c>
      <c r="L20" s="94">
        <v>134</v>
      </c>
      <c r="M20" s="95">
        <v>5593</v>
      </c>
      <c r="N20" s="96">
        <v>4344</v>
      </c>
      <c r="O20" s="96">
        <v>780</v>
      </c>
      <c r="P20" s="97">
        <v>474.8</v>
      </c>
    </row>
    <row r="21" spans="2:16" s="11" customFormat="1" ht="24.75" customHeight="1">
      <c r="B21" s="87"/>
      <c r="C21" s="88" t="s">
        <v>27</v>
      </c>
      <c r="D21" s="257"/>
      <c r="E21" s="108"/>
      <c r="F21" s="98">
        <v>1107</v>
      </c>
      <c r="G21" s="126">
        <v>2613</v>
      </c>
      <c r="H21" s="98">
        <v>1305</v>
      </c>
      <c r="I21" s="126">
        <v>1308</v>
      </c>
      <c r="J21" s="94">
        <v>371</v>
      </c>
      <c r="K21" s="94">
        <v>1877</v>
      </c>
      <c r="L21" s="94">
        <v>361</v>
      </c>
      <c r="M21" s="95">
        <v>2384</v>
      </c>
      <c r="N21" s="96">
        <v>967</v>
      </c>
      <c r="O21" s="96">
        <v>486</v>
      </c>
      <c r="P21" s="97">
        <v>91.4</v>
      </c>
    </row>
    <row r="22" spans="2:16" s="11" customFormat="1" ht="24.75" customHeight="1">
      <c r="B22" s="87"/>
      <c r="C22" s="88" t="s">
        <v>28</v>
      </c>
      <c r="D22" s="257"/>
      <c r="E22" s="108"/>
      <c r="F22" s="98">
        <v>1021</v>
      </c>
      <c r="G22" s="126">
        <v>2316</v>
      </c>
      <c r="H22" s="98">
        <v>1107</v>
      </c>
      <c r="I22" s="126">
        <v>1209</v>
      </c>
      <c r="J22" s="94">
        <v>285</v>
      </c>
      <c r="K22" s="94">
        <v>1563</v>
      </c>
      <c r="L22" s="94">
        <v>463</v>
      </c>
      <c r="M22" s="95">
        <v>2062</v>
      </c>
      <c r="N22" s="96">
        <v>1116</v>
      </c>
      <c r="O22" s="277">
        <v>0</v>
      </c>
      <c r="P22" s="97">
        <v>89.2</v>
      </c>
    </row>
    <row r="23" spans="2:16" s="11" customFormat="1" ht="24.75" customHeight="1">
      <c r="B23" s="87"/>
      <c r="C23" s="88" t="s">
        <v>29</v>
      </c>
      <c r="D23" s="257"/>
      <c r="E23" s="108"/>
      <c r="F23" s="98">
        <v>1290</v>
      </c>
      <c r="G23" s="126">
        <v>2730</v>
      </c>
      <c r="H23" s="98">
        <v>1331</v>
      </c>
      <c r="I23" s="126">
        <v>1399</v>
      </c>
      <c r="J23" s="94">
        <v>353</v>
      </c>
      <c r="K23" s="94">
        <v>1862</v>
      </c>
      <c r="L23" s="94">
        <v>493</v>
      </c>
      <c r="M23" s="95">
        <v>1915</v>
      </c>
      <c r="N23" s="96">
        <v>829</v>
      </c>
      <c r="O23" s="277">
        <v>0</v>
      </c>
      <c r="P23" s="97">
        <v>70.7</v>
      </c>
    </row>
    <row r="24" spans="2:16" s="11" customFormat="1" ht="24.75" customHeight="1">
      <c r="B24" s="87"/>
      <c r="C24" s="88" t="s">
        <v>30</v>
      </c>
      <c r="D24" s="257"/>
      <c r="E24" s="108"/>
      <c r="F24" s="98">
        <v>1243</v>
      </c>
      <c r="G24" s="126">
        <v>2546</v>
      </c>
      <c r="H24" s="98">
        <v>1253</v>
      </c>
      <c r="I24" s="126">
        <v>1293</v>
      </c>
      <c r="J24" s="94">
        <v>285</v>
      </c>
      <c r="K24" s="94">
        <v>1823</v>
      </c>
      <c r="L24" s="94">
        <v>425</v>
      </c>
      <c r="M24" s="95">
        <v>1674</v>
      </c>
      <c r="N24" s="96">
        <v>614</v>
      </c>
      <c r="O24" s="277">
        <v>0</v>
      </c>
      <c r="P24" s="97">
        <v>66.099999999999994</v>
      </c>
    </row>
    <row r="25" spans="2:16" s="11" customFormat="1" ht="24.75" customHeight="1">
      <c r="B25" s="87"/>
      <c r="C25" s="88" t="s">
        <v>31</v>
      </c>
      <c r="D25" s="257"/>
      <c r="E25" s="108"/>
      <c r="F25" s="98">
        <v>95</v>
      </c>
      <c r="G25" s="126">
        <v>167</v>
      </c>
      <c r="H25" s="98">
        <v>91</v>
      </c>
      <c r="I25" s="126">
        <v>76</v>
      </c>
      <c r="J25" s="94">
        <v>24</v>
      </c>
      <c r="K25" s="94">
        <v>126</v>
      </c>
      <c r="L25" s="94">
        <v>17</v>
      </c>
      <c r="M25" s="95">
        <v>1019</v>
      </c>
      <c r="N25" s="96">
        <v>961</v>
      </c>
      <c r="O25" s="277">
        <v>0</v>
      </c>
      <c r="P25" s="97">
        <v>610.20000000000005</v>
      </c>
    </row>
    <row r="26" spans="2:16" s="11" customFormat="1" ht="24.75" customHeight="1">
      <c r="B26" s="87" t="s">
        <v>335</v>
      </c>
      <c r="C26" s="88" t="s">
        <v>26</v>
      </c>
      <c r="D26" s="257"/>
      <c r="E26" s="108"/>
      <c r="F26" s="98">
        <v>336</v>
      </c>
      <c r="G26" s="123">
        <v>637</v>
      </c>
      <c r="H26" s="98">
        <v>302</v>
      </c>
      <c r="I26" s="123">
        <v>335</v>
      </c>
      <c r="J26" s="94">
        <v>71</v>
      </c>
      <c r="K26" s="94">
        <v>441</v>
      </c>
      <c r="L26" s="94">
        <v>125</v>
      </c>
      <c r="M26" s="95">
        <v>991</v>
      </c>
      <c r="N26" s="96">
        <v>353</v>
      </c>
      <c r="O26" s="96">
        <v>412</v>
      </c>
      <c r="P26" s="97">
        <v>155.6</v>
      </c>
    </row>
    <row r="27" spans="2:16" s="11" customFormat="1" ht="24.75" customHeight="1">
      <c r="B27" s="87"/>
      <c r="C27" s="88" t="s">
        <v>27</v>
      </c>
      <c r="D27" s="257"/>
      <c r="E27" s="108"/>
      <c r="F27" s="98">
        <v>1317</v>
      </c>
      <c r="G27" s="126">
        <v>2999</v>
      </c>
      <c r="H27" s="98">
        <v>1430</v>
      </c>
      <c r="I27" s="126">
        <v>1569</v>
      </c>
      <c r="J27" s="94">
        <v>411</v>
      </c>
      <c r="K27" s="94">
        <v>2106</v>
      </c>
      <c r="L27" s="94">
        <v>481</v>
      </c>
      <c r="M27" s="95">
        <v>2618</v>
      </c>
      <c r="N27" s="96">
        <v>1555</v>
      </c>
      <c r="O27" s="277">
        <v>0</v>
      </c>
      <c r="P27" s="97">
        <v>87.3</v>
      </c>
    </row>
    <row r="28" spans="2:16" s="11" customFormat="1" ht="24.75" customHeight="1">
      <c r="B28" s="87"/>
      <c r="C28" s="88" t="s">
        <v>28</v>
      </c>
      <c r="D28" s="257"/>
      <c r="E28" s="108"/>
      <c r="F28" s="98">
        <v>1293</v>
      </c>
      <c r="G28" s="126">
        <v>2883</v>
      </c>
      <c r="H28" s="98">
        <v>1428</v>
      </c>
      <c r="I28" s="126">
        <v>1455</v>
      </c>
      <c r="J28" s="94">
        <v>352</v>
      </c>
      <c r="K28" s="94">
        <v>1964</v>
      </c>
      <c r="L28" s="94">
        <v>565</v>
      </c>
      <c r="M28" s="95">
        <v>2689</v>
      </c>
      <c r="N28" s="96">
        <v>1187</v>
      </c>
      <c r="O28" s="96">
        <v>339</v>
      </c>
      <c r="P28" s="97">
        <v>93.3</v>
      </c>
    </row>
    <row r="29" spans="2:16" s="11" customFormat="1" ht="24.75" customHeight="1">
      <c r="B29" s="87" t="s">
        <v>336</v>
      </c>
      <c r="C29" s="88" t="s">
        <v>26</v>
      </c>
      <c r="D29" s="257"/>
      <c r="E29" s="108"/>
      <c r="F29" s="98">
        <v>752</v>
      </c>
      <c r="G29" s="126">
        <v>1412</v>
      </c>
      <c r="H29" s="98">
        <v>670</v>
      </c>
      <c r="I29" s="126">
        <v>742</v>
      </c>
      <c r="J29" s="94">
        <v>119</v>
      </c>
      <c r="K29" s="94">
        <v>987</v>
      </c>
      <c r="L29" s="94">
        <v>306</v>
      </c>
      <c r="M29" s="95">
        <v>1005</v>
      </c>
      <c r="N29" s="96">
        <v>405</v>
      </c>
      <c r="O29" s="277">
        <v>0</v>
      </c>
      <c r="P29" s="97">
        <v>71.2</v>
      </c>
    </row>
    <row r="30" spans="2:16" s="11" customFormat="1" ht="24.75" customHeight="1">
      <c r="B30" s="87"/>
      <c r="C30" s="88" t="s">
        <v>27</v>
      </c>
      <c r="D30" s="257"/>
      <c r="E30" s="108"/>
      <c r="F30" s="98">
        <v>915</v>
      </c>
      <c r="G30" s="126">
        <v>1927</v>
      </c>
      <c r="H30" s="98">
        <v>932</v>
      </c>
      <c r="I30" s="126">
        <v>995</v>
      </c>
      <c r="J30" s="94">
        <v>173</v>
      </c>
      <c r="K30" s="94">
        <v>1259</v>
      </c>
      <c r="L30" s="94">
        <v>493</v>
      </c>
      <c r="M30" s="95">
        <v>1434</v>
      </c>
      <c r="N30" s="96">
        <v>461</v>
      </c>
      <c r="O30" s="96">
        <v>112</v>
      </c>
      <c r="P30" s="97">
        <v>74.5</v>
      </c>
    </row>
    <row r="31" spans="2:16" s="11" customFormat="1" ht="24.75" customHeight="1">
      <c r="B31" s="87"/>
      <c r="C31" s="88" t="s">
        <v>28</v>
      </c>
      <c r="D31" s="257"/>
      <c r="E31" s="108"/>
      <c r="F31" s="98">
        <v>1025</v>
      </c>
      <c r="G31" s="126">
        <v>2031</v>
      </c>
      <c r="H31" s="98">
        <v>1041</v>
      </c>
      <c r="I31" s="126">
        <v>990</v>
      </c>
      <c r="J31" s="94">
        <v>230</v>
      </c>
      <c r="K31" s="94">
        <v>1410</v>
      </c>
      <c r="L31" s="94">
        <v>391</v>
      </c>
      <c r="M31" s="95">
        <v>1512</v>
      </c>
      <c r="N31" s="96">
        <v>613</v>
      </c>
      <c r="O31" s="277">
        <v>0</v>
      </c>
      <c r="P31" s="97">
        <v>74.400000000000006</v>
      </c>
    </row>
    <row r="32" spans="2:16" s="11" customFormat="1" ht="24.75" customHeight="1">
      <c r="B32" s="87" t="s">
        <v>337</v>
      </c>
      <c r="C32" s="88" t="s">
        <v>26</v>
      </c>
      <c r="D32" s="257"/>
      <c r="E32" s="108"/>
      <c r="F32" s="98">
        <v>1011</v>
      </c>
      <c r="G32" s="126">
        <v>2504</v>
      </c>
      <c r="H32" s="98">
        <v>1166</v>
      </c>
      <c r="I32" s="126">
        <v>1338</v>
      </c>
      <c r="J32" s="94">
        <v>308</v>
      </c>
      <c r="K32" s="94">
        <v>1494</v>
      </c>
      <c r="L32" s="94">
        <v>702</v>
      </c>
      <c r="M32" s="95">
        <v>3103</v>
      </c>
      <c r="N32" s="96">
        <v>1953</v>
      </c>
      <c r="O32" s="277">
        <v>0</v>
      </c>
      <c r="P32" s="97">
        <v>123.9</v>
      </c>
    </row>
    <row r="33" spans="1:19" s="11" customFormat="1" ht="24.75" customHeight="1">
      <c r="B33" s="87"/>
      <c r="C33" s="88" t="s">
        <v>27</v>
      </c>
      <c r="D33" s="257"/>
      <c r="E33" s="108"/>
      <c r="F33" s="98">
        <v>596</v>
      </c>
      <c r="G33" s="126">
        <v>1362</v>
      </c>
      <c r="H33" s="98">
        <v>674</v>
      </c>
      <c r="I33" s="126">
        <v>688</v>
      </c>
      <c r="J33" s="94">
        <v>198</v>
      </c>
      <c r="K33" s="94">
        <v>929</v>
      </c>
      <c r="L33" s="94">
        <v>233</v>
      </c>
      <c r="M33" s="95">
        <v>1725</v>
      </c>
      <c r="N33" s="96">
        <v>1184</v>
      </c>
      <c r="O33" s="277">
        <v>0</v>
      </c>
      <c r="P33" s="97">
        <v>126.8</v>
      </c>
    </row>
    <row r="34" spans="1:19" s="11" customFormat="1" ht="24.75" customHeight="1">
      <c r="B34" s="87"/>
      <c r="C34" s="88" t="s">
        <v>28</v>
      </c>
      <c r="D34" s="257"/>
      <c r="E34" s="108"/>
      <c r="F34" s="98">
        <v>686</v>
      </c>
      <c r="G34" s="126">
        <v>1725</v>
      </c>
      <c r="H34" s="98">
        <v>876</v>
      </c>
      <c r="I34" s="126">
        <v>849</v>
      </c>
      <c r="J34" s="94">
        <v>238</v>
      </c>
      <c r="K34" s="94">
        <v>1109</v>
      </c>
      <c r="L34" s="94">
        <v>378</v>
      </c>
      <c r="M34" s="95">
        <v>1512</v>
      </c>
      <c r="N34" s="96">
        <v>456</v>
      </c>
      <c r="O34" s="96">
        <v>355</v>
      </c>
      <c r="P34" s="97">
        <v>87.7</v>
      </c>
    </row>
    <row r="35" spans="1:19" s="11" customFormat="1" ht="24.75" customHeight="1">
      <c r="B35" s="87"/>
      <c r="C35" s="88" t="s">
        <v>29</v>
      </c>
      <c r="D35" s="257"/>
      <c r="E35" s="108"/>
      <c r="F35" s="98">
        <v>128</v>
      </c>
      <c r="G35" s="126">
        <v>303</v>
      </c>
      <c r="H35" s="98">
        <v>153</v>
      </c>
      <c r="I35" s="126">
        <v>150</v>
      </c>
      <c r="J35" s="94">
        <v>35</v>
      </c>
      <c r="K35" s="94">
        <v>184</v>
      </c>
      <c r="L35" s="94">
        <v>84</v>
      </c>
      <c r="M35" s="95">
        <v>382</v>
      </c>
      <c r="N35" s="96">
        <v>269</v>
      </c>
      <c r="O35" s="277">
        <v>0</v>
      </c>
      <c r="P35" s="97">
        <v>126.1</v>
      </c>
    </row>
    <row r="36" spans="1:19" s="11" customFormat="1" ht="24.75" customHeight="1">
      <c r="B36" s="87" t="s">
        <v>338</v>
      </c>
      <c r="C36" s="88" t="s">
        <v>26</v>
      </c>
      <c r="D36" s="257"/>
      <c r="E36" s="108"/>
      <c r="F36" s="98">
        <v>731</v>
      </c>
      <c r="G36" s="126">
        <v>1718</v>
      </c>
      <c r="H36" s="98">
        <v>863</v>
      </c>
      <c r="I36" s="126">
        <v>855</v>
      </c>
      <c r="J36" s="94">
        <v>250</v>
      </c>
      <c r="K36" s="94">
        <v>1070</v>
      </c>
      <c r="L36" s="94">
        <v>398</v>
      </c>
      <c r="M36" s="95">
        <v>1181</v>
      </c>
      <c r="N36" s="96">
        <v>421</v>
      </c>
      <c r="O36" s="277">
        <v>0</v>
      </c>
      <c r="P36" s="97">
        <v>68.7</v>
      </c>
    </row>
    <row r="37" spans="1:19" s="11" customFormat="1" ht="24.75" customHeight="1">
      <c r="B37" s="87"/>
      <c r="C37" s="88" t="s">
        <v>27</v>
      </c>
      <c r="D37" s="257"/>
      <c r="E37" s="108"/>
      <c r="F37" s="98">
        <v>878</v>
      </c>
      <c r="G37" s="126">
        <v>2011</v>
      </c>
      <c r="H37" s="98">
        <v>1017</v>
      </c>
      <c r="I37" s="126">
        <v>994</v>
      </c>
      <c r="J37" s="94">
        <v>222</v>
      </c>
      <c r="K37" s="94">
        <v>1302</v>
      </c>
      <c r="L37" s="94">
        <v>468</v>
      </c>
      <c r="M37" s="95">
        <v>1855</v>
      </c>
      <c r="N37" s="96">
        <v>572</v>
      </c>
      <c r="O37" s="96">
        <v>468</v>
      </c>
      <c r="P37" s="97">
        <v>93.1</v>
      </c>
    </row>
    <row r="38" spans="1:19" s="11" customFormat="1" ht="24.75" customHeight="1">
      <c r="A38" s="66"/>
      <c r="B38" s="110"/>
      <c r="C38" s="111" t="s">
        <v>28</v>
      </c>
      <c r="D38" s="260"/>
      <c r="E38" s="279"/>
      <c r="F38" s="114">
        <v>164</v>
      </c>
      <c r="G38" s="127">
        <v>494</v>
      </c>
      <c r="H38" s="114">
        <v>294</v>
      </c>
      <c r="I38" s="127">
        <v>200</v>
      </c>
      <c r="J38" s="118">
        <v>52</v>
      </c>
      <c r="K38" s="118">
        <v>317</v>
      </c>
      <c r="L38" s="118">
        <v>125</v>
      </c>
      <c r="M38" s="119">
        <v>437</v>
      </c>
      <c r="N38" s="120">
        <v>176</v>
      </c>
      <c r="O38" s="280">
        <v>0</v>
      </c>
      <c r="P38" s="122">
        <v>88.5</v>
      </c>
    </row>
    <row r="39" spans="1:19" s="15" customFormat="1" ht="24.75" customHeight="1">
      <c r="A39" s="188"/>
      <c r="B39" s="136" t="s">
        <v>339</v>
      </c>
      <c r="C39" s="137" t="s">
        <v>26</v>
      </c>
      <c r="D39" s="286"/>
      <c r="E39" s="108"/>
      <c r="F39" s="94">
        <v>1162</v>
      </c>
      <c r="G39" s="98">
        <v>2124</v>
      </c>
      <c r="H39" s="290">
        <v>1101</v>
      </c>
      <c r="I39" s="123">
        <v>1023</v>
      </c>
      <c r="J39" s="94">
        <v>253</v>
      </c>
      <c r="K39" s="94">
        <v>1497</v>
      </c>
      <c r="L39" s="94">
        <v>373</v>
      </c>
      <c r="M39" s="291">
        <v>1510</v>
      </c>
      <c r="N39" s="292">
        <v>691</v>
      </c>
      <c r="O39" s="292">
        <v>0</v>
      </c>
      <c r="P39" s="109">
        <v>71.099999999999994</v>
      </c>
      <c r="Q39" s="44"/>
      <c r="R39" s="44"/>
      <c r="S39" s="44"/>
    </row>
    <row r="40" spans="1:19" s="15" customFormat="1" ht="24.75" customHeight="1">
      <c r="A40" s="188"/>
      <c r="B40" s="137"/>
      <c r="C40" s="137" t="s">
        <v>27</v>
      </c>
      <c r="D40" s="286"/>
      <c r="E40" s="108"/>
      <c r="F40" s="94">
        <v>1339</v>
      </c>
      <c r="G40" s="98">
        <v>3183</v>
      </c>
      <c r="H40" s="290">
        <v>1544</v>
      </c>
      <c r="I40" s="123">
        <v>1639</v>
      </c>
      <c r="J40" s="94">
        <v>542</v>
      </c>
      <c r="K40" s="94">
        <v>2120</v>
      </c>
      <c r="L40" s="94">
        <v>521</v>
      </c>
      <c r="M40" s="291">
        <v>2034</v>
      </c>
      <c r="N40" s="292">
        <v>774</v>
      </c>
      <c r="O40" s="292">
        <v>0</v>
      </c>
      <c r="P40" s="109">
        <v>63.9</v>
      </c>
      <c r="Q40" s="44"/>
      <c r="R40" s="44"/>
      <c r="S40" s="44"/>
    </row>
    <row r="41" spans="1:19" s="193" customFormat="1" ht="24.75" customHeight="1">
      <c r="A41" s="200"/>
      <c r="B41" s="136" t="s">
        <v>340</v>
      </c>
      <c r="C41" s="293" t="s">
        <v>26</v>
      </c>
      <c r="D41" s="294"/>
      <c r="E41" s="37"/>
      <c r="F41" s="94">
        <v>10</v>
      </c>
      <c r="G41" s="98">
        <v>10</v>
      </c>
      <c r="H41" s="98">
        <v>10</v>
      </c>
      <c r="I41" s="295" t="s">
        <v>96</v>
      </c>
      <c r="J41" s="295" t="s">
        <v>96</v>
      </c>
      <c r="K41" s="94">
        <v>7</v>
      </c>
      <c r="L41" s="94">
        <v>3</v>
      </c>
      <c r="M41" s="102">
        <v>382</v>
      </c>
      <c r="N41" s="103">
        <v>374</v>
      </c>
      <c r="O41" s="103">
        <v>0</v>
      </c>
      <c r="P41" s="109">
        <v>3820</v>
      </c>
      <c r="Q41" s="44"/>
      <c r="R41" s="44"/>
      <c r="S41" s="44"/>
    </row>
    <row r="42" spans="1:19" s="11" customFormat="1" ht="24.75" customHeight="1">
      <c r="B42" s="87"/>
      <c r="C42" s="88" t="s">
        <v>27</v>
      </c>
      <c r="D42" s="257"/>
      <c r="E42" s="124"/>
      <c r="F42" s="295" t="s">
        <v>96</v>
      </c>
      <c r="G42" s="295" t="s">
        <v>96</v>
      </c>
      <c r="H42" s="295" t="s">
        <v>96</v>
      </c>
      <c r="I42" s="295" t="s">
        <v>96</v>
      </c>
      <c r="J42" s="295" t="s">
        <v>96</v>
      </c>
      <c r="K42" s="295" t="s">
        <v>96</v>
      </c>
      <c r="L42" s="295" t="s">
        <v>96</v>
      </c>
      <c r="M42" s="102">
        <v>278</v>
      </c>
      <c r="N42" s="103">
        <v>278</v>
      </c>
      <c r="O42" s="277">
        <v>0</v>
      </c>
      <c r="P42" s="104" t="s">
        <v>99</v>
      </c>
      <c r="Q42" s="44"/>
      <c r="R42" s="44"/>
      <c r="S42" s="44"/>
    </row>
    <row r="43" spans="1:19" s="11" customFormat="1" ht="24.75" customHeight="1">
      <c r="B43" s="87"/>
      <c r="C43" s="88" t="s">
        <v>28</v>
      </c>
      <c r="D43" s="257"/>
      <c r="E43" s="124"/>
      <c r="F43" s="295" t="s">
        <v>96</v>
      </c>
      <c r="G43" s="295" t="s">
        <v>96</v>
      </c>
      <c r="H43" s="295" t="s">
        <v>96</v>
      </c>
      <c r="I43" s="295" t="s">
        <v>96</v>
      </c>
      <c r="J43" s="295" t="s">
        <v>96</v>
      </c>
      <c r="K43" s="295" t="s">
        <v>96</v>
      </c>
      <c r="L43" s="295" t="s">
        <v>96</v>
      </c>
      <c r="M43" s="95">
        <v>453</v>
      </c>
      <c r="N43" s="96">
        <v>453</v>
      </c>
      <c r="O43" s="277">
        <v>0</v>
      </c>
      <c r="P43" s="109" t="s">
        <v>99</v>
      </c>
      <c r="Q43" s="44"/>
      <c r="R43" s="44"/>
      <c r="S43" s="44"/>
    </row>
    <row r="44" spans="1:19" s="11" customFormat="1" ht="24.75" customHeight="1">
      <c r="B44" s="87" t="s">
        <v>341</v>
      </c>
      <c r="C44" s="88" t="s">
        <v>26</v>
      </c>
      <c r="D44" s="257"/>
      <c r="E44" s="124"/>
      <c r="F44" s="98">
        <v>1028</v>
      </c>
      <c r="G44" s="126">
        <v>2176</v>
      </c>
      <c r="H44" s="98">
        <v>1084</v>
      </c>
      <c r="I44" s="126">
        <v>1092</v>
      </c>
      <c r="J44" s="94">
        <v>254</v>
      </c>
      <c r="K44" s="94">
        <v>1499</v>
      </c>
      <c r="L44" s="94">
        <v>421</v>
      </c>
      <c r="M44" s="95">
        <v>2571</v>
      </c>
      <c r="N44" s="96">
        <v>1142</v>
      </c>
      <c r="O44" s="96">
        <v>518</v>
      </c>
      <c r="P44" s="109">
        <v>118.3</v>
      </c>
      <c r="Q44" s="44"/>
      <c r="R44" s="44"/>
      <c r="S44" s="44"/>
    </row>
    <row r="45" spans="1:19" s="11" customFormat="1" ht="24.75" customHeight="1">
      <c r="B45" s="87"/>
      <c r="C45" s="88" t="s">
        <v>27</v>
      </c>
      <c r="D45" s="257"/>
      <c r="E45" s="124"/>
      <c r="F45" s="98">
        <v>1884</v>
      </c>
      <c r="G45" s="126">
        <v>4688</v>
      </c>
      <c r="H45" s="98">
        <v>2290</v>
      </c>
      <c r="I45" s="126">
        <v>2398</v>
      </c>
      <c r="J45" s="94">
        <v>698</v>
      </c>
      <c r="K45" s="94">
        <v>3126</v>
      </c>
      <c r="L45" s="94">
        <v>862</v>
      </c>
      <c r="M45" s="95">
        <v>2892</v>
      </c>
      <c r="N45" s="96">
        <v>494</v>
      </c>
      <c r="O45" s="96">
        <v>365</v>
      </c>
      <c r="P45" s="109">
        <v>61.7</v>
      </c>
      <c r="Q45" s="44"/>
      <c r="R45" s="44"/>
      <c r="S45" s="44"/>
    </row>
    <row r="46" spans="1:19" s="11" customFormat="1" ht="24.75" customHeight="1">
      <c r="B46" s="87" t="s">
        <v>342</v>
      </c>
      <c r="C46" s="88" t="s">
        <v>26</v>
      </c>
      <c r="D46" s="257"/>
      <c r="E46" s="124"/>
      <c r="F46" s="98">
        <v>51</v>
      </c>
      <c r="G46" s="126">
        <v>110</v>
      </c>
      <c r="H46" s="98">
        <v>61</v>
      </c>
      <c r="I46" s="126">
        <v>49</v>
      </c>
      <c r="J46" s="94">
        <v>17</v>
      </c>
      <c r="K46" s="94">
        <v>79</v>
      </c>
      <c r="L46" s="94">
        <v>14</v>
      </c>
      <c r="M46" s="95">
        <v>568</v>
      </c>
      <c r="N46" s="96">
        <v>543</v>
      </c>
      <c r="O46" s="277">
        <v>0</v>
      </c>
      <c r="P46" s="109">
        <v>516.4</v>
      </c>
      <c r="Q46" s="44"/>
      <c r="R46" s="44"/>
      <c r="S46" s="44"/>
    </row>
    <row r="47" spans="1:19" s="11" customFormat="1" ht="24.75" customHeight="1">
      <c r="B47" s="87"/>
      <c r="C47" s="88" t="s">
        <v>27</v>
      </c>
      <c r="D47" s="257"/>
      <c r="E47" s="124"/>
      <c r="F47" s="98">
        <v>101</v>
      </c>
      <c r="G47" s="126">
        <v>179</v>
      </c>
      <c r="H47" s="98">
        <v>113</v>
      </c>
      <c r="I47" s="126">
        <v>66</v>
      </c>
      <c r="J47" s="94">
        <v>24</v>
      </c>
      <c r="K47" s="94">
        <v>145</v>
      </c>
      <c r="L47" s="94">
        <v>10</v>
      </c>
      <c r="M47" s="95">
        <v>1481</v>
      </c>
      <c r="N47" s="96">
        <v>1455</v>
      </c>
      <c r="O47" s="277">
        <v>0</v>
      </c>
      <c r="P47" s="109">
        <v>827.4</v>
      </c>
      <c r="Q47" s="44"/>
      <c r="R47" s="44"/>
      <c r="S47" s="44"/>
    </row>
    <row r="48" spans="1:19" s="11" customFormat="1" ht="24.75" customHeight="1">
      <c r="B48" s="87"/>
      <c r="C48" s="88" t="s">
        <v>28</v>
      </c>
      <c r="D48" s="257"/>
      <c r="E48" s="124"/>
      <c r="F48" s="295" t="s">
        <v>96</v>
      </c>
      <c r="G48" s="295" t="s">
        <v>96</v>
      </c>
      <c r="H48" s="295" t="s">
        <v>96</v>
      </c>
      <c r="I48" s="295" t="s">
        <v>96</v>
      </c>
      <c r="J48" s="295" t="s">
        <v>96</v>
      </c>
      <c r="K48" s="295" t="s">
        <v>96</v>
      </c>
      <c r="L48" s="295" t="s">
        <v>96</v>
      </c>
      <c r="M48" s="95">
        <v>956</v>
      </c>
      <c r="N48" s="96">
        <v>956</v>
      </c>
      <c r="O48" s="277">
        <v>0</v>
      </c>
      <c r="P48" s="104" t="s">
        <v>99</v>
      </c>
      <c r="Q48" s="44"/>
      <c r="R48" s="44"/>
      <c r="S48" s="44"/>
    </row>
    <row r="49" spans="2:19" s="11" customFormat="1" ht="24.75" customHeight="1">
      <c r="B49" s="87" t="s">
        <v>343</v>
      </c>
      <c r="C49" s="88" t="s">
        <v>26</v>
      </c>
      <c r="D49" s="257"/>
      <c r="E49" s="124"/>
      <c r="F49" s="98">
        <v>257</v>
      </c>
      <c r="G49" s="126">
        <v>510</v>
      </c>
      <c r="H49" s="98">
        <v>249</v>
      </c>
      <c r="I49" s="126">
        <v>261</v>
      </c>
      <c r="J49" s="94">
        <v>59</v>
      </c>
      <c r="K49" s="94">
        <v>298</v>
      </c>
      <c r="L49" s="94">
        <v>153</v>
      </c>
      <c r="M49" s="95">
        <v>783</v>
      </c>
      <c r="N49" s="134">
        <v>259</v>
      </c>
      <c r="O49" s="96">
        <v>286</v>
      </c>
      <c r="P49" s="109">
        <v>153.5</v>
      </c>
      <c r="Q49" s="44"/>
      <c r="R49" s="44"/>
      <c r="S49" s="44"/>
    </row>
    <row r="50" spans="2:19" s="11" customFormat="1" ht="24.75" customHeight="1">
      <c r="B50" s="87"/>
      <c r="C50" s="88" t="s">
        <v>27</v>
      </c>
      <c r="D50" s="257"/>
      <c r="E50" s="124"/>
      <c r="F50" s="98">
        <v>978</v>
      </c>
      <c r="G50" s="126">
        <v>2320</v>
      </c>
      <c r="H50" s="98">
        <v>1072</v>
      </c>
      <c r="I50" s="98">
        <v>1248</v>
      </c>
      <c r="J50" s="123">
        <v>279</v>
      </c>
      <c r="K50" s="94">
        <v>1401</v>
      </c>
      <c r="L50" s="94">
        <v>640</v>
      </c>
      <c r="M50" s="95">
        <v>1640</v>
      </c>
      <c r="N50" s="134">
        <v>136</v>
      </c>
      <c r="O50" s="96">
        <v>331</v>
      </c>
      <c r="P50" s="109">
        <v>70.7</v>
      </c>
      <c r="Q50" s="44"/>
      <c r="R50" s="44"/>
      <c r="S50" s="44"/>
    </row>
    <row r="51" spans="2:19" s="11" customFormat="1" ht="24.75" customHeight="1">
      <c r="B51" s="87"/>
      <c r="C51" s="88" t="s">
        <v>28</v>
      </c>
      <c r="D51" s="257"/>
      <c r="E51" s="124"/>
      <c r="F51" s="98">
        <v>1316</v>
      </c>
      <c r="G51" s="126">
        <v>3155</v>
      </c>
      <c r="H51" s="98">
        <v>1475</v>
      </c>
      <c r="I51" s="98">
        <v>1680</v>
      </c>
      <c r="J51" s="123">
        <v>512</v>
      </c>
      <c r="K51" s="94">
        <v>1976</v>
      </c>
      <c r="L51" s="94">
        <v>667</v>
      </c>
      <c r="M51" s="95">
        <v>1513</v>
      </c>
      <c r="N51" s="134">
        <v>43</v>
      </c>
      <c r="O51" s="277">
        <v>0</v>
      </c>
      <c r="P51" s="109">
        <v>48</v>
      </c>
      <c r="Q51" s="44"/>
      <c r="R51" s="44"/>
      <c r="S51" s="44"/>
    </row>
    <row r="52" spans="2:19" s="11" customFormat="1" ht="24.75" customHeight="1">
      <c r="B52" s="87" t="s">
        <v>344</v>
      </c>
      <c r="C52" s="88" t="s">
        <v>26</v>
      </c>
      <c r="D52" s="257"/>
      <c r="E52" s="124"/>
      <c r="F52" s="98">
        <v>529</v>
      </c>
      <c r="G52" s="126">
        <v>974</v>
      </c>
      <c r="H52" s="98">
        <v>484</v>
      </c>
      <c r="I52" s="98">
        <v>490</v>
      </c>
      <c r="J52" s="123">
        <v>131</v>
      </c>
      <c r="K52" s="94">
        <v>676</v>
      </c>
      <c r="L52" s="94">
        <v>167</v>
      </c>
      <c r="M52" s="95">
        <v>1032</v>
      </c>
      <c r="N52" s="134">
        <v>660</v>
      </c>
      <c r="O52" s="277">
        <v>0</v>
      </c>
      <c r="P52" s="109">
        <v>106</v>
      </c>
      <c r="Q52" s="44"/>
      <c r="R52" s="44"/>
      <c r="S52" s="44"/>
    </row>
    <row r="53" spans="2:19" s="11" customFormat="1" ht="24.75" customHeight="1">
      <c r="B53" s="87"/>
      <c r="C53" s="88" t="s">
        <v>27</v>
      </c>
      <c r="D53" s="257"/>
      <c r="E53" s="124"/>
      <c r="F53" s="98">
        <v>799</v>
      </c>
      <c r="G53" s="123">
        <v>1804</v>
      </c>
      <c r="H53" s="98">
        <v>855</v>
      </c>
      <c r="I53" s="98">
        <v>949</v>
      </c>
      <c r="J53" s="123">
        <v>246</v>
      </c>
      <c r="K53" s="94">
        <v>1001</v>
      </c>
      <c r="L53" s="94">
        <v>557</v>
      </c>
      <c r="M53" s="95">
        <v>1650</v>
      </c>
      <c r="N53" s="134">
        <v>741</v>
      </c>
      <c r="O53" s="277">
        <v>0</v>
      </c>
      <c r="P53" s="109">
        <v>91.5</v>
      </c>
      <c r="Q53" s="44"/>
      <c r="R53" s="44"/>
      <c r="S53" s="44"/>
    </row>
    <row r="54" spans="2:19" s="11" customFormat="1" ht="24.75" customHeight="1">
      <c r="B54" s="87" t="s">
        <v>123</v>
      </c>
      <c r="C54" s="88" t="s">
        <v>28</v>
      </c>
      <c r="D54" s="257"/>
      <c r="E54" s="124"/>
      <c r="F54" s="98">
        <v>1053</v>
      </c>
      <c r="G54" s="123">
        <v>2551</v>
      </c>
      <c r="H54" s="98">
        <v>1208</v>
      </c>
      <c r="I54" s="98">
        <v>1343</v>
      </c>
      <c r="J54" s="123">
        <v>250</v>
      </c>
      <c r="K54" s="94">
        <v>1664</v>
      </c>
      <c r="L54" s="94">
        <v>637</v>
      </c>
      <c r="M54" s="95">
        <v>1965</v>
      </c>
      <c r="N54" s="134">
        <v>487</v>
      </c>
      <c r="O54" s="96">
        <v>294</v>
      </c>
      <c r="P54" s="109">
        <v>77</v>
      </c>
      <c r="Q54" s="44"/>
      <c r="R54" s="44"/>
      <c r="S54" s="44"/>
    </row>
    <row r="55" spans="2:19" s="11" customFormat="1" ht="24.75" customHeight="1">
      <c r="B55" s="87"/>
      <c r="C55" s="88" t="s">
        <v>29</v>
      </c>
      <c r="D55" s="257"/>
      <c r="E55" s="124"/>
      <c r="F55" s="98">
        <v>435</v>
      </c>
      <c r="G55" s="123">
        <v>1189</v>
      </c>
      <c r="H55" s="98">
        <v>535</v>
      </c>
      <c r="I55" s="98">
        <v>654</v>
      </c>
      <c r="J55" s="123">
        <v>114</v>
      </c>
      <c r="K55" s="94">
        <v>671</v>
      </c>
      <c r="L55" s="94">
        <v>404</v>
      </c>
      <c r="M55" s="95">
        <v>906</v>
      </c>
      <c r="N55" s="134">
        <v>275</v>
      </c>
      <c r="O55" s="277">
        <v>0</v>
      </c>
      <c r="P55" s="109">
        <v>76.2</v>
      </c>
      <c r="Q55" s="44"/>
      <c r="R55" s="44"/>
      <c r="S55" s="44"/>
    </row>
    <row r="56" spans="2:19" s="11" customFormat="1" ht="24.75" customHeight="1">
      <c r="B56" s="87" t="s">
        <v>345</v>
      </c>
      <c r="C56" s="88" t="s">
        <v>26</v>
      </c>
      <c r="D56" s="257"/>
      <c r="E56" s="124"/>
      <c r="F56" s="98">
        <v>443</v>
      </c>
      <c r="G56" s="123">
        <v>950</v>
      </c>
      <c r="H56" s="98">
        <v>461</v>
      </c>
      <c r="I56" s="98">
        <v>489</v>
      </c>
      <c r="J56" s="123">
        <v>92</v>
      </c>
      <c r="K56" s="94">
        <v>579</v>
      </c>
      <c r="L56" s="94">
        <v>278</v>
      </c>
      <c r="M56" s="95">
        <v>989</v>
      </c>
      <c r="N56" s="134">
        <v>373</v>
      </c>
      <c r="O56" s="96">
        <v>209</v>
      </c>
      <c r="P56" s="109">
        <v>104.2</v>
      </c>
      <c r="Q56" s="44"/>
      <c r="R56" s="44"/>
      <c r="S56" s="44"/>
    </row>
    <row r="57" spans="2:19" s="11" customFormat="1" ht="24.75" customHeight="1">
      <c r="B57" s="87"/>
      <c r="C57" s="88" t="s">
        <v>27</v>
      </c>
      <c r="D57" s="257"/>
      <c r="E57" s="124"/>
      <c r="F57" s="98">
        <v>861</v>
      </c>
      <c r="G57" s="123">
        <v>1799</v>
      </c>
      <c r="H57" s="98">
        <v>934</v>
      </c>
      <c r="I57" s="98">
        <v>865</v>
      </c>
      <c r="J57" s="123">
        <v>169</v>
      </c>
      <c r="K57" s="94">
        <v>1123</v>
      </c>
      <c r="L57" s="94">
        <v>494</v>
      </c>
      <c r="M57" s="95">
        <v>1710</v>
      </c>
      <c r="N57" s="134">
        <v>819</v>
      </c>
      <c r="O57" s="277">
        <v>0</v>
      </c>
      <c r="P57" s="109">
        <v>95.7</v>
      </c>
      <c r="Q57" s="44"/>
      <c r="R57" s="44"/>
      <c r="S57" s="44"/>
    </row>
    <row r="58" spans="2:19" s="11" customFormat="1" ht="24.75" customHeight="1">
      <c r="B58" s="87"/>
      <c r="C58" s="88" t="s">
        <v>28</v>
      </c>
      <c r="D58" s="257"/>
      <c r="E58" s="124"/>
      <c r="F58" s="98">
        <v>671</v>
      </c>
      <c r="G58" s="123">
        <v>1454</v>
      </c>
      <c r="H58" s="98">
        <v>724</v>
      </c>
      <c r="I58" s="98">
        <v>730</v>
      </c>
      <c r="J58" s="123">
        <v>146</v>
      </c>
      <c r="K58" s="94">
        <v>894</v>
      </c>
      <c r="L58" s="94">
        <v>396</v>
      </c>
      <c r="M58" s="95">
        <v>1173</v>
      </c>
      <c r="N58" s="134">
        <v>514</v>
      </c>
      <c r="O58" s="277">
        <v>0</v>
      </c>
      <c r="P58" s="109">
        <v>81.7</v>
      </c>
      <c r="Q58" s="44"/>
      <c r="R58" s="44"/>
      <c r="S58" s="44"/>
    </row>
    <row r="59" spans="2:19" s="11" customFormat="1" ht="24.75" customHeight="1">
      <c r="B59" s="87"/>
      <c r="C59" s="88" t="s">
        <v>29</v>
      </c>
      <c r="D59" s="257"/>
      <c r="E59" s="124"/>
      <c r="F59" s="98">
        <v>521</v>
      </c>
      <c r="G59" s="123">
        <v>1170</v>
      </c>
      <c r="H59" s="98">
        <v>592</v>
      </c>
      <c r="I59" s="98">
        <v>578</v>
      </c>
      <c r="J59" s="123">
        <v>151</v>
      </c>
      <c r="K59" s="94">
        <v>741</v>
      </c>
      <c r="L59" s="94">
        <v>270</v>
      </c>
      <c r="M59" s="95">
        <v>840</v>
      </c>
      <c r="N59" s="134">
        <v>340</v>
      </c>
      <c r="O59" s="277">
        <v>0</v>
      </c>
      <c r="P59" s="109">
        <v>72.3</v>
      </c>
      <c r="Q59" s="44"/>
      <c r="R59" s="44"/>
      <c r="S59" s="44"/>
    </row>
    <row r="60" spans="2:19" s="11" customFormat="1" ht="24.75" customHeight="1">
      <c r="B60" s="87"/>
      <c r="C60" s="88" t="s">
        <v>30</v>
      </c>
      <c r="D60" s="257"/>
      <c r="E60" s="124"/>
      <c r="F60" s="295" t="s">
        <v>96</v>
      </c>
      <c r="G60" s="295" t="s">
        <v>96</v>
      </c>
      <c r="H60" s="295" t="s">
        <v>96</v>
      </c>
      <c r="I60" s="295" t="s">
        <v>96</v>
      </c>
      <c r="J60" s="295" t="s">
        <v>96</v>
      </c>
      <c r="K60" s="295" t="s">
        <v>96</v>
      </c>
      <c r="L60" s="295" t="s">
        <v>96</v>
      </c>
      <c r="M60" s="95">
        <v>203</v>
      </c>
      <c r="N60" s="134">
        <v>203</v>
      </c>
      <c r="O60" s="277">
        <v>0</v>
      </c>
      <c r="P60" s="104" t="s">
        <v>99</v>
      </c>
      <c r="Q60" s="44"/>
      <c r="R60" s="44"/>
      <c r="S60" s="44"/>
    </row>
    <row r="61" spans="2:19" s="11" customFormat="1" ht="24.75" customHeight="1">
      <c r="B61" s="87" t="s">
        <v>346</v>
      </c>
      <c r="C61" s="88" t="s">
        <v>26</v>
      </c>
      <c r="D61" s="257"/>
      <c r="E61" s="124"/>
      <c r="F61" s="98">
        <v>752</v>
      </c>
      <c r="G61" s="123">
        <v>1456</v>
      </c>
      <c r="H61" s="98">
        <v>720</v>
      </c>
      <c r="I61" s="98">
        <v>736</v>
      </c>
      <c r="J61" s="123">
        <v>136</v>
      </c>
      <c r="K61" s="94">
        <v>1000</v>
      </c>
      <c r="L61" s="94">
        <v>320</v>
      </c>
      <c r="M61" s="95">
        <v>1975</v>
      </c>
      <c r="N61" s="134">
        <v>884</v>
      </c>
      <c r="O61" s="96">
        <v>476</v>
      </c>
      <c r="P61" s="109">
        <v>135.6</v>
      </c>
      <c r="Q61" s="44"/>
      <c r="R61" s="44"/>
      <c r="S61" s="44"/>
    </row>
    <row r="62" spans="2:19" s="11" customFormat="1" ht="24.75" customHeight="1">
      <c r="B62" s="87"/>
      <c r="C62" s="88" t="s">
        <v>27</v>
      </c>
      <c r="D62" s="257"/>
      <c r="E62" s="124"/>
      <c r="F62" s="98">
        <v>630</v>
      </c>
      <c r="G62" s="123">
        <v>1507</v>
      </c>
      <c r="H62" s="98">
        <v>765</v>
      </c>
      <c r="I62" s="98">
        <v>742</v>
      </c>
      <c r="J62" s="123">
        <v>306</v>
      </c>
      <c r="K62" s="94">
        <v>1009</v>
      </c>
      <c r="L62" s="94">
        <v>192</v>
      </c>
      <c r="M62" s="95">
        <v>1620</v>
      </c>
      <c r="N62" s="134">
        <v>993</v>
      </c>
      <c r="O62" s="277">
        <v>0</v>
      </c>
      <c r="P62" s="296">
        <v>107.5</v>
      </c>
      <c r="Q62" s="44"/>
      <c r="R62" s="44"/>
      <c r="S62" s="44"/>
    </row>
    <row r="63" spans="2:19" s="11" customFormat="1" ht="24.75" customHeight="1">
      <c r="B63" s="87"/>
      <c r="C63" s="88" t="s">
        <v>28</v>
      </c>
      <c r="D63" s="257"/>
      <c r="E63" s="124"/>
      <c r="F63" s="98">
        <v>1360</v>
      </c>
      <c r="G63" s="123">
        <v>3114</v>
      </c>
      <c r="H63" s="98">
        <v>1488</v>
      </c>
      <c r="I63" s="98">
        <v>1626</v>
      </c>
      <c r="J63" s="123">
        <v>240</v>
      </c>
      <c r="K63" s="94">
        <v>1982</v>
      </c>
      <c r="L63" s="94">
        <v>891</v>
      </c>
      <c r="M63" s="95">
        <v>2265</v>
      </c>
      <c r="N63" s="134">
        <v>730</v>
      </c>
      <c r="O63" s="277">
        <v>0</v>
      </c>
      <c r="P63" s="296">
        <v>72.8</v>
      </c>
      <c r="Q63" s="44"/>
      <c r="R63" s="44"/>
      <c r="S63" s="44"/>
    </row>
    <row r="64" spans="2:19" s="11" customFormat="1" ht="24.75" customHeight="1">
      <c r="B64" s="87" t="s">
        <v>123</v>
      </c>
      <c r="C64" s="88" t="s">
        <v>29</v>
      </c>
      <c r="D64" s="257"/>
      <c r="E64" s="124"/>
      <c r="F64" s="98">
        <v>657</v>
      </c>
      <c r="G64" s="123">
        <v>1064</v>
      </c>
      <c r="H64" s="98">
        <v>568</v>
      </c>
      <c r="I64" s="98">
        <v>496</v>
      </c>
      <c r="J64" s="123">
        <v>92</v>
      </c>
      <c r="K64" s="94">
        <v>815</v>
      </c>
      <c r="L64" s="94">
        <v>155</v>
      </c>
      <c r="M64" s="95">
        <v>2583</v>
      </c>
      <c r="N64" s="134">
        <v>2140</v>
      </c>
      <c r="O64" s="277">
        <v>0</v>
      </c>
      <c r="P64" s="296">
        <v>243.2</v>
      </c>
      <c r="Q64" s="44"/>
      <c r="R64" s="44"/>
      <c r="S64" s="44"/>
    </row>
    <row r="65" spans="1:19" s="11" customFormat="1" ht="24.75" customHeight="1">
      <c r="B65" s="87" t="s">
        <v>347</v>
      </c>
      <c r="C65" s="88" t="s">
        <v>26</v>
      </c>
      <c r="D65" s="257"/>
      <c r="E65" s="124"/>
      <c r="F65" s="98">
        <v>16</v>
      </c>
      <c r="G65" s="123">
        <v>24</v>
      </c>
      <c r="H65" s="98">
        <v>17</v>
      </c>
      <c r="I65" s="98">
        <v>7</v>
      </c>
      <c r="J65" s="295" t="s">
        <v>96</v>
      </c>
      <c r="K65" s="94">
        <v>19</v>
      </c>
      <c r="L65" s="94">
        <v>5</v>
      </c>
      <c r="M65" s="95">
        <v>1822</v>
      </c>
      <c r="N65" s="134">
        <v>1806</v>
      </c>
      <c r="O65" s="277">
        <v>0</v>
      </c>
      <c r="P65" s="296">
        <v>7591.7</v>
      </c>
      <c r="Q65" s="44"/>
      <c r="R65" s="44"/>
      <c r="S65" s="44"/>
    </row>
    <row r="66" spans="1:19" s="11" customFormat="1" ht="24.75" customHeight="1">
      <c r="B66" s="87"/>
      <c r="C66" s="88" t="s">
        <v>27</v>
      </c>
      <c r="D66" s="257"/>
      <c r="E66" s="124"/>
      <c r="F66" s="98">
        <v>99</v>
      </c>
      <c r="G66" s="123">
        <v>103</v>
      </c>
      <c r="H66" s="98">
        <v>71</v>
      </c>
      <c r="I66" s="98">
        <v>32</v>
      </c>
      <c r="J66" s="295" t="s">
        <v>96</v>
      </c>
      <c r="K66" s="94">
        <v>102</v>
      </c>
      <c r="L66" s="94">
        <v>1</v>
      </c>
      <c r="M66" s="95">
        <v>568</v>
      </c>
      <c r="N66" s="134">
        <v>566</v>
      </c>
      <c r="O66" s="277">
        <v>0</v>
      </c>
      <c r="P66" s="296">
        <v>551.5</v>
      </c>
      <c r="Q66" s="44"/>
      <c r="R66" s="44"/>
      <c r="S66" s="44"/>
    </row>
    <row r="67" spans="1:19" s="11" customFormat="1" ht="12" customHeight="1">
      <c r="B67" s="87"/>
      <c r="C67" s="415" t="s">
        <v>28</v>
      </c>
      <c r="D67" s="257"/>
      <c r="E67" s="426" t="s">
        <v>348</v>
      </c>
      <c r="F67" s="435">
        <v>7</v>
      </c>
      <c r="G67" s="284">
        <v>7</v>
      </c>
      <c r="H67" s="435">
        <v>4</v>
      </c>
      <c r="I67" s="435">
        <v>3</v>
      </c>
      <c r="J67" s="445" t="s">
        <v>96</v>
      </c>
      <c r="K67" s="427">
        <v>5</v>
      </c>
      <c r="L67" s="428">
        <v>4</v>
      </c>
      <c r="M67" s="425">
        <v>763</v>
      </c>
      <c r="N67" s="416">
        <v>762</v>
      </c>
      <c r="O67" s="439">
        <v>0</v>
      </c>
      <c r="P67" s="444">
        <v>10900</v>
      </c>
      <c r="Q67" s="44"/>
      <c r="R67" s="44"/>
      <c r="S67" s="44"/>
    </row>
    <row r="68" spans="1:19" s="11" customFormat="1" ht="12" customHeight="1">
      <c r="B68" s="87"/>
      <c r="C68" s="415"/>
      <c r="D68" s="257"/>
      <c r="E68" s="446"/>
      <c r="F68" s="435"/>
      <c r="G68" s="297">
        <v>9</v>
      </c>
      <c r="H68" s="435"/>
      <c r="I68" s="435"/>
      <c r="J68" s="445"/>
      <c r="K68" s="427"/>
      <c r="L68" s="428"/>
      <c r="M68" s="425"/>
      <c r="N68" s="416"/>
      <c r="O68" s="439"/>
      <c r="P68" s="444">
        <v>0</v>
      </c>
      <c r="Q68" s="44"/>
      <c r="R68" s="44"/>
      <c r="S68" s="44"/>
    </row>
    <row r="69" spans="1:19" s="11" customFormat="1" ht="24.6" customHeight="1">
      <c r="B69" s="87"/>
      <c r="C69" s="137" t="s">
        <v>29</v>
      </c>
      <c r="D69" s="286"/>
      <c r="E69" s="298" t="s">
        <v>349</v>
      </c>
      <c r="F69" s="281">
        <v>1</v>
      </c>
      <c r="G69" s="284">
        <v>2</v>
      </c>
      <c r="H69" s="281">
        <v>1</v>
      </c>
      <c r="I69" s="281">
        <v>1</v>
      </c>
      <c r="J69" s="98" t="s">
        <v>229</v>
      </c>
      <c r="K69" s="98" t="s">
        <v>229</v>
      </c>
      <c r="L69" s="98" t="s">
        <v>229</v>
      </c>
      <c r="M69" s="95">
        <v>218</v>
      </c>
      <c r="N69" s="134">
        <v>218</v>
      </c>
      <c r="O69" s="277">
        <v>0</v>
      </c>
      <c r="P69" s="296">
        <v>10900</v>
      </c>
      <c r="Q69" s="44"/>
      <c r="R69" s="44"/>
      <c r="S69" s="44"/>
    </row>
    <row r="70" spans="1:19" s="11" customFormat="1" ht="24.75" customHeight="1">
      <c r="A70" s="66"/>
      <c r="B70" s="110" t="s">
        <v>206</v>
      </c>
      <c r="C70" s="111"/>
      <c r="D70" s="260"/>
      <c r="E70" s="299"/>
      <c r="F70" s="300" t="s">
        <v>96</v>
      </c>
      <c r="G70" s="300" t="s">
        <v>96</v>
      </c>
      <c r="H70" s="300" t="s">
        <v>96</v>
      </c>
      <c r="I70" s="300" t="s">
        <v>96</v>
      </c>
      <c r="J70" s="300" t="s">
        <v>96</v>
      </c>
      <c r="K70" s="300" t="s">
        <v>96</v>
      </c>
      <c r="L70" s="300" t="s">
        <v>96</v>
      </c>
      <c r="M70" s="119">
        <v>0</v>
      </c>
      <c r="N70" s="128">
        <v>0</v>
      </c>
      <c r="O70" s="280">
        <v>0</v>
      </c>
      <c r="P70" s="301" t="s">
        <v>99</v>
      </c>
    </row>
  </sheetData>
  <mergeCells count="21">
    <mergeCell ref="F6:F7"/>
    <mergeCell ref="G6:I6"/>
    <mergeCell ref="J6:L6"/>
    <mergeCell ref="M6:O6"/>
    <mergeCell ref="P6:P7"/>
    <mergeCell ref="P67:P68"/>
    <mergeCell ref="A1:D1"/>
    <mergeCell ref="J67:J68"/>
    <mergeCell ref="K67:K68"/>
    <mergeCell ref="L67:L68"/>
    <mergeCell ref="M67:M68"/>
    <mergeCell ref="N67:N68"/>
    <mergeCell ref="O67:O68"/>
    <mergeCell ref="B9:C9"/>
    <mergeCell ref="C67:C68"/>
    <mergeCell ref="E67:E68"/>
    <mergeCell ref="F67:F68"/>
    <mergeCell ref="H67:H68"/>
    <mergeCell ref="I67:I68"/>
    <mergeCell ref="A4:P4"/>
    <mergeCell ref="B6:C7"/>
  </mergeCells>
  <phoneticPr fontId="4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9" scale="96" fitToHeight="0" orientation="portrait" r:id="rId1"/>
  <headerFooter alignWithMargins="0"/>
  <rowBreaks count="1" manualBreakCount="1">
    <brk id="3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6</vt:i4>
      </vt:variant>
      <vt:variant>
        <vt:lpstr>名前付き一覧</vt:lpstr>
      </vt:variant>
      <vt:variant>
        <vt:i4>45</vt:i4>
      </vt:variant>
    </vt:vector>
  </HeadingPairs>
  <TitlesOfParts>
    <vt:vector size="71" baseType="lpstr">
      <vt:lpstr>目次</vt:lpstr>
      <vt:lpstr>大阪市全区</vt:lpstr>
      <vt:lpstr>北区</vt:lpstr>
      <vt:lpstr>都島区</vt:lpstr>
      <vt:lpstr>福島区</vt:lpstr>
      <vt:lpstr>此花区</vt:lpstr>
      <vt:lpstr>中央区</vt:lpstr>
      <vt:lpstr>西区</vt:lpstr>
      <vt:lpstr>港区</vt:lpstr>
      <vt:lpstr>大正区</vt:lpstr>
      <vt:lpstr>天王寺区</vt:lpstr>
      <vt:lpstr>浪速区</vt:lpstr>
      <vt:lpstr>西淀川区</vt:lpstr>
      <vt:lpstr>淀川区</vt:lpstr>
      <vt:lpstr>東淀川区</vt:lpstr>
      <vt:lpstr>東成区</vt:lpstr>
      <vt:lpstr>生野区</vt:lpstr>
      <vt:lpstr>旭区</vt:lpstr>
      <vt:lpstr>城東区</vt:lpstr>
      <vt:lpstr>鶴見区</vt:lpstr>
      <vt:lpstr>阿倍野区</vt:lpstr>
      <vt:lpstr>住之江区</vt:lpstr>
      <vt:lpstr>住吉区</vt:lpstr>
      <vt:lpstr>東住吉区</vt:lpstr>
      <vt:lpstr>平野区</vt:lpstr>
      <vt:lpstr>西成区</vt:lpstr>
      <vt:lpstr>阿倍野区!Print_Area</vt:lpstr>
      <vt:lpstr>旭区!Print_Area</vt:lpstr>
      <vt:lpstr>港区!Print_Area</vt:lpstr>
      <vt:lpstr>此花区!Print_Area</vt:lpstr>
      <vt:lpstr>住吉区!Print_Area</vt:lpstr>
      <vt:lpstr>住之江区!Print_Area</vt:lpstr>
      <vt:lpstr>城東区!Print_Area</vt:lpstr>
      <vt:lpstr>生野区!Print_Area</vt:lpstr>
      <vt:lpstr>西区!Print_Area</vt:lpstr>
      <vt:lpstr>西成区!Print_Area</vt:lpstr>
      <vt:lpstr>西淀川区!Print_Area</vt:lpstr>
      <vt:lpstr>大阪市全区!Print_Area</vt:lpstr>
      <vt:lpstr>大正区!Print_Area</vt:lpstr>
      <vt:lpstr>中央区!Print_Area</vt:lpstr>
      <vt:lpstr>鶴見区!Print_Area</vt:lpstr>
      <vt:lpstr>天王寺区!Print_Area</vt:lpstr>
      <vt:lpstr>都島区!Print_Area</vt:lpstr>
      <vt:lpstr>東住吉区!Print_Area</vt:lpstr>
      <vt:lpstr>東成区!Print_Area</vt:lpstr>
      <vt:lpstr>東淀川区!Print_Area</vt:lpstr>
      <vt:lpstr>福島区!Print_Area</vt:lpstr>
      <vt:lpstr>平野区!Print_Area</vt:lpstr>
      <vt:lpstr>北区!Print_Area</vt:lpstr>
      <vt:lpstr>淀川区!Print_Area</vt:lpstr>
      <vt:lpstr>浪速区!Print_Area</vt:lpstr>
      <vt:lpstr>阿倍野区!Print_Titles</vt:lpstr>
      <vt:lpstr>旭区!Print_Titles</vt:lpstr>
      <vt:lpstr>港区!Print_Titles</vt:lpstr>
      <vt:lpstr>住吉区!Print_Titles</vt:lpstr>
      <vt:lpstr>住之江区!Print_Titles</vt:lpstr>
      <vt:lpstr>城東区!Print_Titles</vt:lpstr>
      <vt:lpstr>生野区!Print_Titles</vt:lpstr>
      <vt:lpstr>西区!Print_Titles</vt:lpstr>
      <vt:lpstr>西成区!Print_Titles</vt:lpstr>
      <vt:lpstr>西淀川区!Print_Titles</vt:lpstr>
      <vt:lpstr>中央区!Print_Titles</vt:lpstr>
      <vt:lpstr>鶴見区!Print_Titles</vt:lpstr>
      <vt:lpstr>天王寺区!Print_Titles</vt:lpstr>
      <vt:lpstr>東住吉区!Print_Titles</vt:lpstr>
      <vt:lpstr>東成区!Print_Titles</vt:lpstr>
      <vt:lpstr>東淀川区!Print_Titles</vt:lpstr>
      <vt:lpstr>平野区!Print_Titles</vt:lpstr>
      <vt:lpstr>北区!Print_Titles</vt:lpstr>
      <vt:lpstr>淀川区!Print_Titles</vt:lpstr>
      <vt:lpstr>浪速区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15T01:54:47Z</cp:lastPrinted>
  <dcterms:created xsi:type="dcterms:W3CDTF">1998-12-03T12:17:56Z</dcterms:created>
  <dcterms:modified xsi:type="dcterms:W3CDTF">2021-08-31T07:01:49Z</dcterms:modified>
</cp:coreProperties>
</file>